
<file path=[Content_Types].xml><?xml version="1.0" encoding="utf-8"?>
<Types xmlns="http://schemas.openxmlformats.org/package/2006/content-types">
  <Override PartName="/xl/theme/theme1.xml" ContentType="application/vnd.openxmlformats-officedocument.theme+xml"/>
  <Override PartName="/xl/styles.xml" ContentType="application/vnd.openxmlformats-officedocument.spreadsheetml.styles+xml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docProps/app.xml" ContentType="application/vnd.openxmlformats-officedocument.extended-properties+xml"/>
  <Override PartName="/xl/worksheets/sheet2.xml" ContentType="application/vnd.openxmlformats-officedocument.spreadsheetml.worksheet+xml"/>
  <Override PartName="/xl/connections.xml" ContentType="application/vnd.openxmlformats-officedocument.spreadsheetml.connections+xml"/>
  <Override PartName="/xl/worksheets/sheet1.xml" ContentType="application/vnd.openxmlformats-officedocument.spreadsheetml.worksheet+xml"/>
  <Override PartName="/xl/sharedStrings.xml" ContentType="application/vnd.openxmlformats-officedocument.spreadsheetml.sharedStr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4" lowestEdited="4" rupBuild="4507"/>
  <workbookPr autoCompressPictures="0" defaultThemeVersion="124226"/>
  <bookViews>
    <workbookView xWindow="120" yWindow="105" windowWidth="18915" windowHeight="8505"/>
  </bookViews>
  <sheets>
    <sheet name="Einzel-Erkrankungen" sheetId="8" r:id="rId1"/>
    <sheet name="Klassifikation" sheetId="10" r:id="rId2"/>
  </sheets>
  <calcPr calcId="125725" concurrentCalc="0"/>
  <extLst>
    <ext xmlns:mx="http://schemas.microsoft.com/office/mac/excel/2008/main" uri="{7523E5D3-25F3-A5E0-1632-64F254C22452}">
      <mx:ArchID Flags="2"/>
    </ext>
  </extLst>
</workbook>
</file>

<file path=xl/connections.xml><?xml version="1.0" encoding="utf-8"?>
<connections xmlns="http://schemas.openxmlformats.org/spreadsheetml/2006/main">
  <connection id="1" name="rare_surgical_thoracic_diseases_en_product3_186" type="4" refreshedVersion="0" background="1">
    <webPr xml="1" sourceData="1" url="C:\Users\till.voigtlaender\Desktop\back-up 251012\t_voigtlaender\ccrd-gög\Nationaler Aktionsplan\disease_groups\classifications_rare_diseases_orphanet\s2\rare_surgical_thoracic_diseases_en_product3_186.xml" htmlTables="1" htmlFormat="all"/>
  </connection>
</connections>
</file>

<file path=xl/sharedStrings.xml><?xml version="1.0" encoding="utf-8"?>
<sst xmlns="http://schemas.openxmlformats.org/spreadsheetml/2006/main" count="82" uniqueCount="65">
  <si>
    <t>Rare surgical thoracic disease</t>
  </si>
  <si>
    <t>Fachgesellschaft (FG) für:</t>
  </si>
  <si>
    <t>Name:</t>
  </si>
  <si>
    <t xml:space="preserve">Institution: </t>
  </si>
  <si>
    <t>Nr.</t>
  </si>
  <si>
    <t>ORPHA Code</t>
  </si>
  <si>
    <r>
      <t xml:space="preserve">SE betrifft das oben genannte Fach </t>
    </r>
    <r>
      <rPr>
        <b/>
        <sz val="10"/>
        <color theme="0"/>
        <rFont val="Calibri"/>
        <family val="2"/>
        <scheme val="minor"/>
      </rPr>
      <t xml:space="preserve">                      (bitte ankreuzen)</t>
    </r>
  </si>
  <si>
    <t>Weitere Anmerkungen</t>
  </si>
  <si>
    <t>• Celosomia</t>
  </si>
  <si>
    <t>• Thoracic outlet syndrome</t>
  </si>
  <si>
    <t>• True vascular thoracic outlet syndrome</t>
  </si>
  <si>
    <t>• True neurogenic thoracic outlet syndrome</t>
  </si>
  <si>
    <t>• Nonsyndromic respiratory or mediastinal malformation</t>
  </si>
  <si>
    <t>• Laryngo-tracheo-esophageal cleft - pulmonary hypoplasia</t>
  </si>
  <si>
    <t>• Tracheal agenesis</t>
  </si>
  <si>
    <t>• Congenital lobar emphysema</t>
  </si>
  <si>
    <t>• Laryngo-tracheo-esophageal cleft</t>
  </si>
  <si>
    <t>• Laryngo-tracheo-esophageal cleft type 1</t>
  </si>
  <si>
    <t>• Laryngo-tracheo-esophageal cleft type 2</t>
  </si>
  <si>
    <t>• Laryngo-tracheo-esophageal cleft type 3</t>
  </si>
  <si>
    <t>• Laryngo-tracheo-esophageal cleft type 4</t>
  </si>
  <si>
    <t>• Laryngo-tracheo-esophageal cleft type 0</t>
  </si>
  <si>
    <t>• Syndromic respiratory or mediastinal malformation</t>
  </si>
  <si>
    <t>• Feingold syndrome</t>
  </si>
  <si>
    <t>• Tracheo-esophageal fistula - hypospadias</t>
  </si>
  <si>
    <t>• Matthew-Wood syndrome</t>
  </si>
  <si>
    <t>• Nonsyndromic diaphragmatic or thoracic malformation</t>
  </si>
  <si>
    <t>• Congenital diaphragmatic hernia</t>
  </si>
  <si>
    <t>• Sternal cleft</t>
  </si>
  <si>
    <t>• Syndromic diaphragmatic or thoracic malformation</t>
  </si>
  <si>
    <t>• Wolf-Hirschhorn syndrome</t>
  </si>
  <si>
    <t>• Cornelia de Lange syndrome</t>
  </si>
  <si>
    <t>• Tetrasomy 12p</t>
  </si>
  <si>
    <t>• Ehlers-Danlos syndrome, classic type</t>
  </si>
  <si>
    <t>• Ehlers-Danlos syndrome type 1</t>
  </si>
  <si>
    <t>• Ehlers-Danlos syndrome type 2</t>
  </si>
  <si>
    <t>• Simpson-Golabi-Behmel syndrome</t>
  </si>
  <si>
    <t>• PAGOD syndrome</t>
  </si>
  <si>
    <t>• Cantrell pentalogy</t>
  </si>
  <si>
    <t>• Diaphragmatic defect - limb deficiency - skull defect</t>
  </si>
  <si>
    <t>• Donnai-Barrow syndrome</t>
  </si>
  <si>
    <t>• Kabuki syndrome</t>
  </si>
  <si>
    <t>• Cutis laxa</t>
  </si>
  <si>
    <t>• Autosomal dominant cutis laxa</t>
  </si>
  <si>
    <t>• Autosomal recessive cutis laxa type 1</t>
  </si>
  <si>
    <t>• Autosomal recessive cutis laxa type 2</t>
  </si>
  <si>
    <t>• Emanuel syndrome</t>
  </si>
  <si>
    <t>• Ehlers-Danlos syndrome, classic-like type</t>
  </si>
  <si>
    <t>• Rare disease with thoracic aortic aneurysm and aortic dissection</t>
  </si>
  <si>
    <t>• Marfan syndrome</t>
  </si>
  <si>
    <t>• Marfan syndrome type 1</t>
  </si>
  <si>
    <t>• Marfan syndrome type 2</t>
  </si>
  <si>
    <t>• Arterial tortuosity syndrome</t>
  </si>
  <si>
    <t>• Loeys-Dietz syndrome type 1</t>
  </si>
  <si>
    <t>• Aortic dilatation - joint hypermobility - arterial tortuosity</t>
  </si>
  <si>
    <t>• Familial thoracic aortic aneurysm and aortic dissection</t>
  </si>
  <si>
    <t>• Neonatal Marfan syndrome</t>
  </si>
  <si>
    <t>• Aneurysm - osteoarthritis syndrome</t>
  </si>
  <si>
    <r>
      <t>©</t>
    </r>
    <r>
      <rPr>
        <sz val="9.9"/>
        <color theme="1"/>
        <rFont val="Arial"/>
        <family val="2"/>
      </rPr>
      <t xml:space="preserve"> Orphanet / Orphanet Austria / NKSE 2013</t>
    </r>
  </si>
  <si>
    <r>
      <rPr>
        <b/>
        <sz val="12"/>
        <color theme="0"/>
        <rFont val="Calibri"/>
        <family val="2"/>
        <scheme val="minor"/>
      </rPr>
      <t>Seltene Erkrankungen im Bereich der Thoraxchirurgie</t>
    </r>
    <r>
      <rPr>
        <b/>
        <sz val="11"/>
        <color theme="0"/>
        <rFont val="Calibri"/>
        <family val="2"/>
        <scheme val="minor"/>
      </rPr>
      <t xml:space="preserve">                                                                                                                                                                                                                                                                        </t>
    </r>
    <r>
      <rPr>
        <b/>
        <sz val="10"/>
        <color theme="0"/>
        <rFont val="Calibri"/>
        <family val="2"/>
        <scheme val="minor"/>
      </rPr>
      <t>Orphanet-Klassifikationsbaum mit sämtlichen zugeordneten Erkrankungen / Entitäten (inklusive Synonyme)                                                                                                                                                                                                                                                                                 (Daten-Extraktion 17/05/2013)</t>
    </r>
  </si>
  <si>
    <t>(bitte in nachfolgende Zeilen eintragen)</t>
  </si>
  <si>
    <r>
      <t xml:space="preserve">Für Klassifikation / Gruppierung von SE geeignet </t>
    </r>
    <r>
      <rPr>
        <b/>
        <sz val="10"/>
        <color theme="0"/>
        <rFont val="Calibri"/>
        <family val="2"/>
        <scheme val="minor"/>
      </rPr>
      <t xml:space="preserve">                      (bitte ankreuzen)</t>
    </r>
  </si>
  <si>
    <r>
      <rPr>
        <b/>
        <sz val="12"/>
        <color theme="0"/>
        <rFont val="Calibri"/>
        <family val="2"/>
        <scheme val="minor"/>
      </rPr>
      <t>Seltene Erkrankungen im Bereich der Thoraxchirurgie</t>
    </r>
    <r>
      <rPr>
        <b/>
        <sz val="11"/>
        <color theme="0"/>
        <rFont val="Calibri"/>
        <family val="2"/>
        <scheme val="minor"/>
      </rPr>
      <t xml:space="preserve">                                                                                                                                                                                                                                                                        </t>
    </r>
    <r>
      <rPr>
        <b/>
        <sz val="10"/>
        <color theme="0"/>
        <rFont val="Calibri"/>
        <family val="2"/>
        <scheme val="minor"/>
      </rPr>
      <t>Darstellung der ersten Hierarchiestufe im Orphanet-Klassifikationsbaum                                                                                                                                                                                                                                                                                 (Daten-Extraktion 17/05/2013)</t>
    </r>
  </si>
  <si>
    <t>Ergänzende und/oder alternative Vorschläge zur Klassifikation / Gruppierung von seltenen Erkrankungen im Bereich der</t>
  </si>
  <si>
    <t>Thoraxchirurgie</t>
  </si>
</sst>
</file>

<file path=xl/styles.xml><?xml version="1.0" encoding="utf-8"?>
<styleSheet xmlns="http://schemas.openxmlformats.org/spreadsheetml/2006/main">
  <numFmts count="1">
    <numFmt numFmtId="164" formatCode="###0;###0"/>
  </numFmts>
  <fonts count="15">
    <font>
      <sz val="11"/>
      <color theme="1"/>
      <name val="Calibri"/>
      <family val="2"/>
      <scheme val="minor"/>
    </font>
    <font>
      <b/>
      <sz val="12"/>
      <color theme="0"/>
      <name val="Calibri"/>
      <family val="2"/>
      <scheme val="minor"/>
    </font>
    <font>
      <b/>
      <sz val="11"/>
      <color theme="0"/>
      <name val="Calibri"/>
      <family val="2"/>
      <scheme val="minor"/>
    </font>
    <font>
      <u/>
      <sz val="11"/>
      <color theme="11"/>
      <name val="Calibri"/>
      <family val="2"/>
      <scheme val="minor"/>
    </font>
    <font>
      <sz val="8"/>
      <color theme="1"/>
      <name val="Arial"/>
      <family val="2"/>
    </font>
    <font>
      <b/>
      <sz val="16"/>
      <color theme="1"/>
      <name val="Calibri"/>
      <family val="2"/>
      <scheme val="minor"/>
    </font>
    <font>
      <sz val="14"/>
      <color theme="1"/>
      <name val="Calibri"/>
      <family val="2"/>
      <scheme val="minor"/>
    </font>
    <font>
      <sz val="10"/>
      <color theme="1"/>
      <name val="Calibri"/>
      <family val="2"/>
      <scheme val="minor"/>
    </font>
    <font>
      <b/>
      <sz val="10"/>
      <color theme="0"/>
      <name val="Calibri"/>
      <family val="2"/>
      <scheme val="minor"/>
    </font>
    <font>
      <sz val="10"/>
      <color theme="1"/>
      <name val="Arial"/>
      <family val="2"/>
    </font>
    <font>
      <sz val="10"/>
      <color indexed="63"/>
      <name val="Arial"/>
      <family val="2"/>
    </font>
    <font>
      <b/>
      <sz val="10"/>
      <color theme="1"/>
      <name val="Arial"/>
      <family val="2"/>
    </font>
    <font>
      <sz val="11"/>
      <color theme="1"/>
      <name val="Arial"/>
      <family val="2"/>
    </font>
    <font>
      <sz val="9.9"/>
      <color theme="1"/>
      <name val="Arial"/>
      <family val="2"/>
    </font>
    <font>
      <sz val="10"/>
      <color theme="0"/>
      <name val="Arial"/>
      <family val="2"/>
    </font>
  </fonts>
  <fills count="8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0.34998626667073579"/>
        <bgColor indexed="64"/>
      </patternFill>
    </fill>
    <fill>
      <patternFill patternType="solid">
        <fgColor theme="0"/>
        <bgColor theme="4" tint="0.59999389629810485"/>
      </patternFill>
    </fill>
    <fill>
      <patternFill patternType="solid">
        <fgColor theme="0"/>
        <bgColor theme="4" tint="0.79998168889431442"/>
      </patternFill>
    </fill>
    <fill>
      <patternFill patternType="solid">
        <fgColor rgb="FFBDC8E6"/>
        <bgColor indexed="64"/>
      </patternFill>
    </fill>
  </fills>
  <borders count="43">
    <border>
      <left/>
      <right/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/>
      <right/>
      <top/>
      <bottom style="medium">
        <color auto="1"/>
      </bottom>
      <diagonal/>
    </border>
    <border>
      <left/>
      <right style="thin">
        <color auto="1"/>
      </right>
      <top/>
      <bottom style="medium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indexed="64"/>
      </left>
      <right/>
      <top/>
      <bottom style="medium">
        <color auto="1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rgb="FF231F20"/>
      </top>
      <bottom style="thin">
        <color rgb="FF231F20"/>
      </bottom>
      <diagonal/>
    </border>
    <border>
      <left style="medium">
        <color indexed="64"/>
      </left>
      <right style="thin">
        <color indexed="64"/>
      </right>
      <top style="thin">
        <color rgb="FF231F20"/>
      </top>
      <bottom style="medium">
        <color indexed="64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rgb="FF231F20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thin">
        <color rgb="FF231F20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</borders>
  <cellStyleXfs count="29">
    <xf numFmtId="0" fontId="0" fillId="0" borderId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</cellStyleXfs>
  <cellXfs count="93">
    <xf numFmtId="0" fontId="0" fillId="0" borderId="0" xfId="0"/>
    <xf numFmtId="0" fontId="4" fillId="2" borderId="1" xfId="0" applyFont="1" applyFill="1" applyBorder="1" applyAlignment="1" applyProtection="1">
      <alignment horizontal="center"/>
    </xf>
    <xf numFmtId="0" fontId="0" fillId="2" borderId="2" xfId="0" applyFill="1" applyBorder="1" applyProtection="1"/>
    <xf numFmtId="0" fontId="0" fillId="2" borderId="2" xfId="0" applyFill="1" applyBorder="1" applyAlignment="1" applyProtection="1"/>
    <xf numFmtId="0" fontId="5" fillId="2" borderId="4" xfId="0" applyFont="1" applyFill="1" applyBorder="1" applyAlignment="1" applyProtection="1">
      <alignment horizontal="left"/>
    </xf>
    <xf numFmtId="0" fontId="5" fillId="2" borderId="0" xfId="0" applyFont="1" applyFill="1" applyBorder="1" applyProtection="1"/>
    <xf numFmtId="0" fontId="5" fillId="2" borderId="8" xfId="0" applyFont="1" applyFill="1" applyBorder="1" applyAlignment="1" applyProtection="1">
      <alignment horizontal="center"/>
    </xf>
    <xf numFmtId="0" fontId="5" fillId="2" borderId="9" xfId="0" applyFont="1" applyFill="1" applyBorder="1" applyProtection="1"/>
    <xf numFmtId="0" fontId="5" fillId="2" borderId="9" xfId="0" applyFont="1" applyFill="1" applyBorder="1" applyAlignment="1" applyProtection="1"/>
    <xf numFmtId="0" fontId="1" fillId="4" borderId="16" xfId="0" applyFont="1" applyFill="1" applyBorder="1" applyAlignment="1" applyProtection="1">
      <alignment horizontal="center" vertical="top" wrapText="1"/>
    </xf>
    <xf numFmtId="0" fontId="2" fillId="4" borderId="18" xfId="0" applyFont="1" applyFill="1" applyBorder="1" applyAlignment="1" applyProtection="1">
      <alignment horizontal="center" vertical="top" wrapText="1"/>
    </xf>
    <xf numFmtId="0" fontId="9" fillId="3" borderId="20" xfId="0" applyFont="1" applyFill="1" applyBorder="1" applyAlignment="1" applyProtection="1">
      <alignment vertical="center"/>
      <protection locked="0"/>
    </xf>
    <xf numFmtId="0" fontId="6" fillId="2" borderId="14" xfId="0" applyFont="1" applyFill="1" applyBorder="1" applyAlignment="1" applyProtection="1">
      <alignment vertical="center"/>
    </xf>
    <xf numFmtId="0" fontId="6" fillId="2" borderId="13" xfId="0" applyFont="1" applyFill="1" applyBorder="1" applyAlignment="1" applyProtection="1">
      <alignment vertical="center"/>
    </xf>
    <xf numFmtId="0" fontId="6" fillId="2" borderId="14" xfId="0" applyFont="1" applyFill="1" applyBorder="1" applyAlignment="1" applyProtection="1">
      <alignment vertical="center"/>
    </xf>
    <xf numFmtId="0" fontId="4" fillId="3" borderId="0" xfId="0" applyFont="1" applyFill="1" applyAlignment="1" applyProtection="1">
      <alignment horizontal="center"/>
    </xf>
    <xf numFmtId="0" fontId="0" fillId="3" borderId="0" xfId="0" applyFill="1" applyProtection="1"/>
    <xf numFmtId="0" fontId="0" fillId="3" borderId="2" xfId="0" applyFill="1" applyBorder="1" applyAlignment="1" applyProtection="1"/>
    <xf numFmtId="0" fontId="0" fillId="3" borderId="0" xfId="0" applyFill="1" applyAlignment="1" applyProtection="1">
      <alignment horizontal="center"/>
    </xf>
    <xf numFmtId="0" fontId="9" fillId="3" borderId="21" xfId="0" applyFont="1" applyFill="1" applyBorder="1" applyAlignment="1" applyProtection="1">
      <alignment vertical="center"/>
      <protection locked="0"/>
    </xf>
    <xf numFmtId="0" fontId="9" fillId="3" borderId="23" xfId="0" applyFont="1" applyFill="1" applyBorder="1" applyAlignment="1" applyProtection="1">
      <alignment vertical="center"/>
      <protection locked="0"/>
    </xf>
    <xf numFmtId="0" fontId="9" fillId="3" borderId="27" xfId="0" applyFont="1" applyFill="1" applyBorder="1" applyAlignment="1" applyProtection="1">
      <alignment vertical="center"/>
      <protection locked="0"/>
    </xf>
    <xf numFmtId="0" fontId="0" fillId="3" borderId="1" xfId="0" applyFill="1" applyBorder="1" applyAlignment="1" applyProtection="1"/>
    <xf numFmtId="0" fontId="0" fillId="3" borderId="3" xfId="0" applyFill="1" applyBorder="1" applyAlignment="1" applyProtection="1"/>
    <xf numFmtId="0" fontId="5" fillId="3" borderId="0" xfId="0" applyFont="1" applyFill="1" applyProtection="1"/>
    <xf numFmtId="0" fontId="5" fillId="2" borderId="0" xfId="0" applyFont="1" applyFill="1" applyBorder="1" applyAlignment="1" applyProtection="1"/>
    <xf numFmtId="0" fontId="0" fillId="2" borderId="0" xfId="0" applyFill="1" applyBorder="1" applyAlignment="1" applyProtection="1"/>
    <xf numFmtId="0" fontId="0" fillId="2" borderId="9" xfId="0" applyFill="1" applyBorder="1" applyAlignment="1" applyProtection="1"/>
    <xf numFmtId="0" fontId="0" fillId="3" borderId="8" xfId="0" applyFill="1" applyBorder="1" applyAlignment="1" applyProtection="1"/>
    <xf numFmtId="0" fontId="0" fillId="3" borderId="11" xfId="0" applyFill="1" applyBorder="1" applyAlignment="1" applyProtection="1"/>
    <xf numFmtId="0" fontId="0" fillId="3" borderId="12" xfId="0" applyFill="1" applyBorder="1" applyAlignment="1" applyProtection="1"/>
    <xf numFmtId="0" fontId="0" fillId="3" borderId="0" xfId="0" applyFill="1" applyAlignment="1" applyProtection="1"/>
    <xf numFmtId="0" fontId="6" fillId="3" borderId="0" xfId="0" applyFont="1" applyFill="1" applyAlignment="1" applyProtection="1">
      <alignment vertical="center"/>
    </xf>
    <xf numFmtId="0" fontId="0" fillId="2" borderId="14" xfId="0" applyFill="1" applyBorder="1" applyAlignment="1" applyProtection="1">
      <alignment vertical="center"/>
    </xf>
    <xf numFmtId="0" fontId="0" fillId="2" borderId="14" xfId="0" applyFill="1" applyBorder="1" applyAlignment="1" applyProtection="1">
      <alignment vertical="center"/>
    </xf>
    <xf numFmtId="0" fontId="7" fillId="3" borderId="0" xfId="0" applyFont="1" applyFill="1" applyAlignment="1" applyProtection="1">
      <alignment vertical="top" wrapText="1"/>
    </xf>
    <xf numFmtId="0" fontId="1" fillId="4" borderId="30" xfId="0" applyFont="1" applyFill="1" applyBorder="1" applyAlignment="1" applyProtection="1">
      <alignment horizontal="center" vertical="top" wrapText="1"/>
    </xf>
    <xf numFmtId="0" fontId="7" fillId="4" borderId="17" xfId="0" applyFont="1" applyFill="1" applyBorder="1" applyAlignment="1" applyProtection="1">
      <alignment vertical="top" wrapText="1"/>
    </xf>
    <xf numFmtId="0" fontId="2" fillId="4" borderId="11" xfId="0" applyFont="1" applyFill="1" applyBorder="1" applyAlignment="1" applyProtection="1">
      <alignment vertical="top" wrapText="1"/>
    </xf>
    <xf numFmtId="0" fontId="0" fillId="4" borderId="11" xfId="0" applyFill="1" applyBorder="1" applyAlignment="1" applyProtection="1">
      <alignment vertical="top" wrapText="1"/>
    </xf>
    <xf numFmtId="0" fontId="0" fillId="4" borderId="12" xfId="0" applyFill="1" applyBorder="1" applyAlignment="1" applyProtection="1">
      <alignment vertical="top" wrapText="1"/>
    </xf>
    <xf numFmtId="0" fontId="2" fillId="4" borderId="12" xfId="0" applyFont="1" applyFill="1" applyBorder="1" applyAlignment="1" applyProtection="1">
      <alignment horizontal="center" vertical="top" wrapText="1"/>
    </xf>
    <xf numFmtId="164" fontId="10" fillId="7" borderId="31" xfId="0" applyNumberFormat="1" applyFont="1" applyFill="1" applyBorder="1" applyAlignment="1" applyProtection="1">
      <alignment horizontal="left" vertical="center" wrapText="1"/>
    </xf>
    <xf numFmtId="164" fontId="10" fillId="7" borderId="32" xfId="0" applyNumberFormat="1" applyFont="1" applyFill="1" applyBorder="1" applyAlignment="1" applyProtection="1">
      <alignment horizontal="left" vertical="center" wrapText="1"/>
    </xf>
    <xf numFmtId="0" fontId="9" fillId="3" borderId="0" xfId="0" applyFont="1" applyFill="1" applyAlignment="1" applyProtection="1">
      <alignment vertical="center"/>
    </xf>
    <xf numFmtId="0" fontId="9" fillId="3" borderId="34" xfId="0" applyFont="1" applyFill="1" applyBorder="1" applyAlignment="1" applyProtection="1">
      <alignment horizontal="center" vertical="center"/>
    </xf>
    <xf numFmtId="164" fontId="10" fillId="4" borderId="35" xfId="0" applyNumberFormat="1" applyFont="1" applyFill="1" applyBorder="1" applyAlignment="1" applyProtection="1">
      <alignment horizontal="left" vertical="center" wrapText="1"/>
    </xf>
    <xf numFmtId="0" fontId="14" fillId="4" borderId="1" xfId="0" applyFont="1" applyFill="1" applyBorder="1" applyAlignment="1" applyProtection="1">
      <alignment vertical="center"/>
    </xf>
    <xf numFmtId="49" fontId="1" fillId="4" borderId="2" xfId="0" applyNumberFormat="1" applyFont="1" applyFill="1" applyBorder="1" applyAlignment="1" applyProtection="1">
      <alignment vertical="top" wrapText="1"/>
    </xf>
    <xf numFmtId="164" fontId="10" fillId="4" borderId="33" xfId="0" applyNumberFormat="1" applyFont="1" applyFill="1" applyBorder="1" applyAlignment="1" applyProtection="1">
      <alignment horizontal="left" vertical="center" wrapText="1"/>
    </xf>
    <xf numFmtId="0" fontId="14" fillId="4" borderId="4" xfId="0" applyFont="1" applyFill="1" applyBorder="1" applyAlignment="1" applyProtection="1">
      <alignment vertical="center"/>
    </xf>
    <xf numFmtId="49" fontId="1" fillId="4" borderId="0" xfId="0" applyNumberFormat="1" applyFont="1" applyFill="1" applyBorder="1" applyAlignment="1" applyProtection="1">
      <alignment vertical="top" wrapText="1"/>
    </xf>
    <xf numFmtId="164" fontId="10" fillId="4" borderId="39" xfId="0" applyNumberFormat="1" applyFont="1" applyFill="1" applyBorder="1" applyAlignment="1" applyProtection="1">
      <alignment horizontal="left" vertical="center" wrapText="1"/>
    </xf>
    <xf numFmtId="0" fontId="9" fillId="4" borderId="8" xfId="0" applyFont="1" applyFill="1" applyBorder="1" applyAlignment="1" applyProtection="1">
      <alignment vertical="center"/>
    </xf>
    <xf numFmtId="49" fontId="8" fillId="4" borderId="9" xfId="0" applyNumberFormat="1" applyFont="1" applyFill="1" applyBorder="1" applyAlignment="1" applyProtection="1">
      <alignment vertical="top" wrapText="1"/>
    </xf>
    <xf numFmtId="0" fontId="9" fillId="3" borderId="34" xfId="0" applyFont="1" applyFill="1" applyBorder="1" applyAlignment="1" applyProtection="1">
      <alignment vertical="center"/>
    </xf>
    <xf numFmtId="0" fontId="9" fillId="3" borderId="14" xfId="0" applyFont="1" applyFill="1" applyBorder="1" applyAlignment="1" applyProtection="1">
      <alignment vertical="center"/>
    </xf>
    <xf numFmtId="0" fontId="9" fillId="3" borderId="42" xfId="0" applyFont="1" applyFill="1" applyBorder="1" applyAlignment="1" applyProtection="1">
      <alignment horizontal="center" vertical="center"/>
    </xf>
    <xf numFmtId="0" fontId="0" fillId="3" borderId="29" xfId="0" applyFill="1" applyBorder="1" applyAlignment="1" applyProtection="1">
      <protection locked="0"/>
    </xf>
    <xf numFmtId="0" fontId="0" fillId="0" borderId="6" xfId="0" applyBorder="1" applyAlignment="1" applyProtection="1">
      <protection locked="0"/>
    </xf>
    <xf numFmtId="0" fontId="0" fillId="0" borderId="7" xfId="0" applyBorder="1" applyAlignment="1" applyProtection="1">
      <protection locked="0"/>
    </xf>
    <xf numFmtId="0" fontId="0" fillId="3" borderId="13" xfId="0" applyFill="1" applyBorder="1" applyAlignment="1" applyProtection="1">
      <alignment vertical="center"/>
      <protection locked="0"/>
    </xf>
    <xf numFmtId="0" fontId="0" fillId="0" borderId="14" xfId="0" applyBorder="1" applyAlignment="1" applyProtection="1">
      <alignment vertical="center"/>
      <protection locked="0"/>
    </xf>
    <xf numFmtId="0" fontId="0" fillId="0" borderId="15" xfId="0" applyBorder="1" applyAlignment="1" applyProtection="1">
      <alignment vertical="center"/>
      <protection locked="0"/>
    </xf>
    <xf numFmtId="0" fontId="9" fillId="3" borderId="19" xfId="0" applyFont="1" applyFill="1" applyBorder="1" applyAlignment="1" applyProtection="1">
      <alignment horizontal="center" vertical="center"/>
    </xf>
    <xf numFmtId="0" fontId="9" fillId="5" borderId="13" xfId="0" applyFont="1" applyFill="1" applyBorder="1" applyAlignment="1" applyProtection="1">
      <alignment vertical="center"/>
    </xf>
    <xf numFmtId="49" fontId="11" fillId="5" borderId="14" xfId="0" applyNumberFormat="1" applyFont="1" applyFill="1" applyBorder="1" applyAlignment="1" applyProtection="1">
      <alignment vertical="center"/>
    </xf>
    <xf numFmtId="49" fontId="9" fillId="5" borderId="14" xfId="0" applyNumberFormat="1" applyFont="1" applyFill="1" applyBorder="1" applyAlignment="1" applyProtection="1">
      <alignment vertical="center"/>
    </xf>
    <xf numFmtId="0" fontId="9" fillId="3" borderId="15" xfId="0" applyFont="1" applyFill="1" applyBorder="1" applyAlignment="1" applyProtection="1">
      <alignment vertical="center"/>
    </xf>
    <xf numFmtId="0" fontId="9" fillId="6" borderId="13" xfId="0" applyFont="1" applyFill="1" applyBorder="1" applyAlignment="1" applyProtection="1">
      <alignment vertical="center"/>
    </xf>
    <xf numFmtId="49" fontId="9" fillId="6" borderId="14" xfId="0" applyNumberFormat="1" applyFont="1" applyFill="1" applyBorder="1" applyAlignment="1" applyProtection="1">
      <alignment vertical="center"/>
    </xf>
    <xf numFmtId="0" fontId="9" fillId="3" borderId="22" xfId="0" applyFont="1" applyFill="1" applyBorder="1" applyAlignment="1" applyProtection="1">
      <alignment horizontal="center" vertical="center"/>
    </xf>
    <xf numFmtId="0" fontId="9" fillId="6" borderId="24" xfId="0" applyFont="1" applyFill="1" applyBorder="1" applyAlignment="1" applyProtection="1">
      <alignment vertical="center"/>
    </xf>
    <xf numFmtId="49" fontId="9" fillId="6" borderId="25" xfId="0" applyNumberFormat="1" applyFont="1" applyFill="1" applyBorder="1" applyAlignment="1" applyProtection="1">
      <alignment vertical="center"/>
    </xf>
    <xf numFmtId="0" fontId="9" fillId="3" borderId="25" xfId="0" applyFont="1" applyFill="1" applyBorder="1" applyAlignment="1" applyProtection="1">
      <alignment vertical="center"/>
    </xf>
    <xf numFmtId="0" fontId="9" fillId="3" borderId="26" xfId="0" applyFont="1" applyFill="1" applyBorder="1" applyAlignment="1" applyProtection="1">
      <alignment vertical="center"/>
    </xf>
    <xf numFmtId="0" fontId="12" fillId="3" borderId="0" xfId="0" applyFont="1" applyFill="1" applyProtection="1"/>
    <xf numFmtId="0" fontId="9" fillId="3" borderId="13" xfId="0" applyFont="1" applyFill="1" applyBorder="1" applyAlignment="1" applyProtection="1">
      <alignment vertical="center"/>
      <protection locked="0"/>
    </xf>
    <xf numFmtId="0" fontId="9" fillId="3" borderId="24" xfId="0" applyFont="1" applyFill="1" applyBorder="1" applyAlignment="1" applyProtection="1">
      <alignment vertical="center"/>
      <protection locked="0"/>
    </xf>
    <xf numFmtId="0" fontId="0" fillId="0" borderId="25" xfId="0" applyBorder="1" applyAlignment="1" applyProtection="1">
      <alignment vertical="center"/>
      <protection locked="0"/>
    </xf>
    <xf numFmtId="0" fontId="0" fillId="0" borderId="26" xfId="0" applyBorder="1" applyAlignment="1" applyProtection="1">
      <alignment vertical="center"/>
      <protection locked="0"/>
    </xf>
    <xf numFmtId="0" fontId="2" fillId="4" borderId="2" xfId="0" applyFont="1" applyFill="1" applyBorder="1" applyAlignment="1" applyProtection="1">
      <alignment vertical="top" wrapText="1"/>
    </xf>
    <xf numFmtId="0" fontId="2" fillId="4" borderId="3" xfId="0" applyFont="1" applyFill="1" applyBorder="1" applyAlignment="1" applyProtection="1">
      <alignment vertical="top" wrapText="1"/>
    </xf>
    <xf numFmtId="0" fontId="9" fillId="4" borderId="28" xfId="0" applyFont="1" applyFill="1" applyBorder="1" applyAlignment="1" applyProtection="1">
      <alignment vertical="center"/>
    </xf>
    <xf numFmtId="0" fontId="9" fillId="4" borderId="36" xfId="0" applyFont="1" applyFill="1" applyBorder="1" applyAlignment="1" applyProtection="1">
      <alignment vertical="center"/>
    </xf>
    <xf numFmtId="0" fontId="0" fillId="0" borderId="0" xfId="0" applyAlignment="1" applyProtection="1">
      <alignment vertical="top" wrapText="1"/>
    </xf>
    <xf numFmtId="0" fontId="0" fillId="0" borderId="5" xfId="0" applyBorder="1" applyAlignment="1" applyProtection="1">
      <alignment vertical="top" wrapText="1"/>
    </xf>
    <xf numFmtId="0" fontId="9" fillId="4" borderId="37" xfId="0" applyFont="1" applyFill="1" applyBorder="1" applyAlignment="1" applyProtection="1">
      <alignment vertical="center"/>
    </xf>
    <xf numFmtId="0" fontId="9" fillId="4" borderId="38" xfId="0" applyFont="1" applyFill="1" applyBorder="1" applyAlignment="1" applyProtection="1">
      <alignment vertical="center"/>
    </xf>
    <xf numFmtId="0" fontId="2" fillId="4" borderId="9" xfId="0" applyFont="1" applyFill="1" applyBorder="1" applyAlignment="1" applyProtection="1">
      <alignment vertical="top" wrapText="1"/>
    </xf>
    <xf numFmtId="0" fontId="2" fillId="4" borderId="10" xfId="0" applyFont="1" applyFill="1" applyBorder="1" applyAlignment="1" applyProtection="1">
      <alignment vertical="top" wrapText="1"/>
    </xf>
    <xf numFmtId="0" fontId="9" fillId="4" borderId="40" xfId="0" applyFont="1" applyFill="1" applyBorder="1" applyAlignment="1" applyProtection="1">
      <alignment vertical="center"/>
    </xf>
    <xf numFmtId="0" fontId="9" fillId="4" borderId="41" xfId="0" applyFont="1" applyFill="1" applyBorder="1" applyAlignment="1" applyProtection="1">
      <alignment vertical="center"/>
    </xf>
  </cellXfs>
  <cellStyles count="29">
    <cellStyle name="Besuchter Hyperlink" xfId="1" builtinId="9" hidden="1"/>
    <cellStyle name="Besuchter Hyperlink" xfId="2" builtinId="9" hidden="1"/>
    <cellStyle name="Besuchter Hyperlink" xfId="3" builtinId="9" hidden="1"/>
    <cellStyle name="Besuchter Hyperlink" xfId="4" builtinId="9" hidden="1"/>
    <cellStyle name="Besuchter Hyperlink" xfId="5" builtinId="9" hidden="1"/>
    <cellStyle name="Besuchter Hyperlink" xfId="6" builtinId="9" hidden="1"/>
    <cellStyle name="Besuchter Hyperlink" xfId="7" builtinId="9" hidden="1"/>
    <cellStyle name="Besuchter Hyperlink" xfId="8" builtinId="9" hidden="1"/>
    <cellStyle name="Besuchter Hyperlink" xfId="9" builtinId="9" hidden="1"/>
    <cellStyle name="Besuchter Hyperlink" xfId="10" builtinId="9" hidden="1"/>
    <cellStyle name="Besuchter Hyperlink" xfId="11" builtinId="9" hidden="1"/>
    <cellStyle name="Besuchter Hyperlink" xfId="12" builtinId="9" hidden="1"/>
    <cellStyle name="Besuchter Hyperlink" xfId="13" builtinId="9" hidden="1"/>
    <cellStyle name="Besuchter Hyperlink" xfId="14" builtinId="9" hidden="1"/>
    <cellStyle name="Besuchter Hyperlink" xfId="15" builtinId="9" hidden="1"/>
    <cellStyle name="Besuchter Hyperlink" xfId="16" builtinId="9" hidden="1"/>
    <cellStyle name="Besuchter Hyperlink" xfId="17" builtinId="9" hidden="1"/>
    <cellStyle name="Besuchter Hyperlink" xfId="18" builtinId="9" hidden="1"/>
    <cellStyle name="Besuchter Hyperlink" xfId="19" builtinId="9" hidden="1"/>
    <cellStyle name="Besuchter Hyperlink" xfId="20" builtinId="9" hidden="1"/>
    <cellStyle name="Besuchter Hyperlink" xfId="21" builtinId="9" hidden="1"/>
    <cellStyle name="Besuchter Hyperlink" xfId="22" builtinId="9" hidden="1"/>
    <cellStyle name="Besuchter Hyperlink" xfId="23" builtinId="9" hidden="1"/>
    <cellStyle name="Besuchter Hyperlink" xfId="24" builtinId="9" hidden="1"/>
    <cellStyle name="Besuchter Hyperlink" xfId="25" builtinId="9" hidden="1"/>
    <cellStyle name="Besuchter Hyperlink" xfId="26" builtinId="9" hidden="1"/>
    <cellStyle name="Besuchter Hyperlink" xfId="27" builtinId="9" hidden="1"/>
    <cellStyle name="Besuchter Hyperlink" xfId="28" builtinId="9" hidden="1"/>
    <cellStyle name="Standard" xfId="0" builtinId="0"/>
  </cellStyles>
  <dxfs count="0"/>
  <tableStyles count="0" defaultTableStyle="TableStyleMedium9" defaultPivotStyle="PivotStyleLight16"/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connections" Target="connections.xml"/></Relationships>
</file>

<file path=xl/theme/theme1.xml><?xml version="1.0" encoding="utf-8"?>
<a:theme xmlns:a="http://schemas.openxmlformats.org/drawingml/2006/main" name="Larissa-Design">
  <a:themeElements>
    <a:clrScheme name="Larissa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Larissa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Larissa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>
  <dimension ref="A1:O65"/>
  <sheetViews>
    <sheetView tabSelected="1" zoomScale="90" zoomScaleNormal="90" workbookViewId="0">
      <pane ySplit="9" topLeftCell="A10" activePane="bottomLeft" state="frozen"/>
      <selection activeCell="C1" sqref="C1"/>
      <selection pane="bottomLeft" activeCell="L3" sqref="L3:O3"/>
    </sheetView>
  </sheetViews>
  <sheetFormatPr baseColWidth="10" defaultRowHeight="15"/>
  <cols>
    <col min="1" max="1" width="11.42578125" style="16" hidden="1" customWidth="1"/>
    <col min="2" max="2" width="6.42578125" style="18" hidden="1" customWidth="1"/>
    <col min="3" max="3" width="10.85546875" style="16" customWidth="1"/>
    <col min="4" max="4" width="1.42578125" style="16" customWidth="1"/>
    <col min="5" max="12" width="3.5703125" style="16" customWidth="1"/>
    <col min="13" max="13" width="100.7109375" style="16" customWidth="1"/>
    <col min="14" max="14" width="20.85546875" style="16" customWidth="1"/>
    <col min="15" max="15" width="24.28515625" style="16" customWidth="1"/>
    <col min="16" max="16384" width="11.42578125" style="16"/>
  </cols>
  <sheetData>
    <row r="1" spans="2:15" ht="5.25" customHeight="1">
      <c r="B1" s="15"/>
      <c r="F1" s="18"/>
      <c r="G1" s="18"/>
      <c r="H1" s="18"/>
    </row>
    <row r="2" spans="2:15" ht="4.5" customHeight="1">
      <c r="B2" s="16"/>
      <c r="C2" s="1"/>
      <c r="D2" s="2"/>
      <c r="E2" s="2"/>
      <c r="F2" s="3"/>
      <c r="G2" s="3"/>
      <c r="H2" s="3"/>
      <c r="I2" s="3"/>
      <c r="J2" s="3"/>
      <c r="K2" s="3"/>
      <c r="L2" s="22"/>
      <c r="M2" s="17"/>
      <c r="N2" s="17"/>
      <c r="O2" s="23"/>
    </row>
    <row r="3" spans="2:15" s="24" customFormat="1" ht="21.75" thickBot="1">
      <c r="C3" s="4" t="s">
        <v>1</v>
      </c>
      <c r="D3" s="5"/>
      <c r="E3" s="5"/>
      <c r="F3" s="25"/>
      <c r="G3" s="26"/>
      <c r="H3" s="26"/>
      <c r="I3" s="26"/>
      <c r="J3" s="26"/>
      <c r="K3" s="26"/>
      <c r="L3" s="58"/>
      <c r="M3" s="59"/>
      <c r="N3" s="59"/>
      <c r="O3" s="60"/>
    </row>
    <row r="4" spans="2:15" s="24" customFormat="1" ht="4.5" customHeight="1">
      <c r="C4" s="6"/>
      <c r="D4" s="7"/>
      <c r="E4" s="7"/>
      <c r="F4" s="8"/>
      <c r="G4" s="27"/>
      <c r="H4" s="27"/>
      <c r="I4" s="27"/>
      <c r="J4" s="27"/>
      <c r="K4" s="27"/>
      <c r="L4" s="28"/>
      <c r="M4" s="29"/>
      <c r="N4" s="29"/>
      <c r="O4" s="30"/>
    </row>
    <row r="5" spans="2:15" ht="7.5" customHeight="1">
      <c r="B5" s="16"/>
      <c r="C5" s="18"/>
      <c r="G5" s="18"/>
      <c r="H5" s="18"/>
      <c r="I5" s="18"/>
      <c r="J5" s="18"/>
      <c r="K5" s="18"/>
      <c r="M5" s="31"/>
      <c r="N5" s="31"/>
      <c r="O5" s="31"/>
    </row>
    <row r="6" spans="2:15" s="32" customFormat="1" ht="22.5" customHeight="1">
      <c r="C6" s="13" t="s">
        <v>2</v>
      </c>
      <c r="D6" s="14"/>
      <c r="E6" s="33"/>
      <c r="F6" s="12"/>
      <c r="G6" s="34"/>
      <c r="H6" s="34"/>
      <c r="I6" s="34"/>
      <c r="J6" s="34"/>
      <c r="K6" s="34"/>
      <c r="L6" s="61"/>
      <c r="M6" s="62"/>
      <c r="N6" s="62"/>
      <c r="O6" s="63"/>
    </row>
    <row r="7" spans="2:15" s="32" customFormat="1" ht="22.5" customHeight="1">
      <c r="C7" s="13" t="s">
        <v>3</v>
      </c>
      <c r="D7" s="14"/>
      <c r="E7" s="33"/>
      <c r="F7" s="12"/>
      <c r="G7" s="34"/>
      <c r="H7" s="34"/>
      <c r="I7" s="34"/>
      <c r="J7" s="34"/>
      <c r="K7" s="34"/>
      <c r="L7" s="61"/>
      <c r="M7" s="62"/>
      <c r="N7" s="62"/>
      <c r="O7" s="63"/>
    </row>
    <row r="8" spans="2:15" ht="7.5" customHeight="1" thickBot="1">
      <c r="F8" s="18"/>
      <c r="G8" s="18"/>
      <c r="H8" s="18"/>
    </row>
    <row r="9" spans="2:15" s="35" customFormat="1" ht="45" customHeight="1">
      <c r="B9" s="36" t="s">
        <v>4</v>
      </c>
      <c r="C9" s="9" t="s">
        <v>5</v>
      </c>
      <c r="D9" s="37"/>
      <c r="E9" s="38" t="s">
        <v>59</v>
      </c>
      <c r="F9" s="39"/>
      <c r="G9" s="39"/>
      <c r="H9" s="39"/>
      <c r="I9" s="39"/>
      <c r="J9" s="39"/>
      <c r="K9" s="39"/>
      <c r="L9" s="39"/>
      <c r="M9" s="40"/>
      <c r="N9" s="41" t="s">
        <v>6</v>
      </c>
      <c r="O9" s="10" t="s">
        <v>7</v>
      </c>
    </row>
    <row r="10" spans="2:15" s="44" customFormat="1" ht="15.75" customHeight="1">
      <c r="B10" s="64"/>
      <c r="C10" s="42">
        <v>97962</v>
      </c>
      <c r="D10" s="65"/>
      <c r="E10" s="66" t="s">
        <v>0</v>
      </c>
      <c r="F10" s="56"/>
      <c r="G10" s="67"/>
      <c r="H10" s="67"/>
      <c r="I10" s="56"/>
      <c r="J10" s="56"/>
      <c r="K10" s="56"/>
      <c r="L10" s="56"/>
      <c r="M10" s="68"/>
      <c r="N10" s="11"/>
      <c r="O10" s="19"/>
    </row>
    <row r="11" spans="2:15" s="44" customFormat="1" ht="15" customHeight="1">
      <c r="B11" s="64">
        <v>1</v>
      </c>
      <c r="C11" s="42">
        <v>93942</v>
      </c>
      <c r="D11" s="65"/>
      <c r="E11" s="67"/>
      <c r="F11" s="67" t="s">
        <v>8</v>
      </c>
      <c r="G11" s="67"/>
      <c r="H11" s="67"/>
      <c r="I11" s="56"/>
      <c r="J11" s="56"/>
      <c r="K11" s="56"/>
      <c r="L11" s="56"/>
      <c r="M11" s="68"/>
      <c r="N11" s="11"/>
      <c r="O11" s="19"/>
    </row>
    <row r="12" spans="2:15" s="44" customFormat="1" ht="15" customHeight="1">
      <c r="B12" s="64"/>
      <c r="C12" s="42">
        <v>97330</v>
      </c>
      <c r="D12" s="69"/>
      <c r="E12" s="70"/>
      <c r="F12" s="70" t="s">
        <v>9</v>
      </c>
      <c r="G12" s="56"/>
      <c r="H12" s="70"/>
      <c r="I12" s="56"/>
      <c r="J12" s="56"/>
      <c r="K12" s="56"/>
      <c r="L12" s="56"/>
      <c r="M12" s="68"/>
      <c r="N12" s="11"/>
      <c r="O12" s="19"/>
    </row>
    <row r="13" spans="2:15" s="44" customFormat="1" ht="15" customHeight="1">
      <c r="B13" s="64">
        <v>2</v>
      </c>
      <c r="C13" s="42">
        <v>100072</v>
      </c>
      <c r="D13" s="69"/>
      <c r="E13" s="70"/>
      <c r="F13" s="70"/>
      <c r="G13" s="70" t="s">
        <v>10</v>
      </c>
      <c r="H13" s="70"/>
      <c r="I13" s="56"/>
      <c r="J13" s="56"/>
      <c r="K13" s="56"/>
      <c r="L13" s="56"/>
      <c r="M13" s="68"/>
      <c r="N13" s="11"/>
      <c r="O13" s="19"/>
    </row>
    <row r="14" spans="2:15" s="44" customFormat="1" ht="15" customHeight="1">
      <c r="B14" s="64">
        <v>3</v>
      </c>
      <c r="C14" s="42">
        <v>100073</v>
      </c>
      <c r="D14" s="65"/>
      <c r="E14" s="67"/>
      <c r="F14" s="67"/>
      <c r="G14" s="67" t="s">
        <v>11</v>
      </c>
      <c r="H14" s="67"/>
      <c r="I14" s="56"/>
      <c r="J14" s="56"/>
      <c r="K14" s="56"/>
      <c r="L14" s="56"/>
      <c r="M14" s="68"/>
      <c r="N14" s="11"/>
      <c r="O14" s="19"/>
    </row>
    <row r="15" spans="2:15" s="44" customFormat="1" ht="15" customHeight="1">
      <c r="B15" s="64"/>
      <c r="C15" s="42">
        <v>108993</v>
      </c>
      <c r="D15" s="69"/>
      <c r="E15" s="70"/>
      <c r="F15" s="70" t="s">
        <v>12</v>
      </c>
      <c r="G15" s="56"/>
      <c r="H15" s="70"/>
      <c r="I15" s="56"/>
      <c r="J15" s="56"/>
      <c r="K15" s="56"/>
      <c r="L15" s="56"/>
      <c r="M15" s="68"/>
      <c r="N15" s="11"/>
      <c r="O15" s="19"/>
    </row>
    <row r="16" spans="2:15" s="44" customFormat="1" ht="15" customHeight="1">
      <c r="B16" s="64">
        <v>4</v>
      </c>
      <c r="C16" s="42">
        <v>2005</v>
      </c>
      <c r="D16" s="69"/>
      <c r="E16" s="70"/>
      <c r="F16" s="70"/>
      <c r="G16" s="70" t="s">
        <v>13</v>
      </c>
      <c r="H16" s="70"/>
      <c r="I16" s="56"/>
      <c r="J16" s="56"/>
      <c r="K16" s="56"/>
      <c r="L16" s="56"/>
      <c r="M16" s="68"/>
      <c r="N16" s="11"/>
      <c r="O16" s="19"/>
    </row>
    <row r="17" spans="2:15" s="44" customFormat="1" ht="15" customHeight="1">
      <c r="B17" s="64">
        <v>5</v>
      </c>
      <c r="C17" s="42">
        <v>3346</v>
      </c>
      <c r="D17" s="65"/>
      <c r="E17" s="67"/>
      <c r="F17" s="67"/>
      <c r="G17" s="67" t="s">
        <v>14</v>
      </c>
      <c r="H17" s="67"/>
      <c r="I17" s="56"/>
      <c r="J17" s="56"/>
      <c r="K17" s="56"/>
      <c r="L17" s="56"/>
      <c r="M17" s="68"/>
      <c r="N17" s="11"/>
      <c r="O17" s="19"/>
    </row>
    <row r="18" spans="2:15" s="44" customFormat="1" ht="15" customHeight="1">
      <c r="B18" s="64">
        <v>6</v>
      </c>
      <c r="C18" s="42">
        <v>1928</v>
      </c>
      <c r="D18" s="69"/>
      <c r="E18" s="70"/>
      <c r="F18" s="70"/>
      <c r="G18" s="70" t="s">
        <v>15</v>
      </c>
      <c r="H18" s="70"/>
      <c r="I18" s="56"/>
      <c r="J18" s="56"/>
      <c r="K18" s="56"/>
      <c r="L18" s="56"/>
      <c r="M18" s="68"/>
      <c r="N18" s="11"/>
      <c r="O18" s="19"/>
    </row>
    <row r="19" spans="2:15" s="44" customFormat="1" ht="15" customHeight="1">
      <c r="B19" s="64"/>
      <c r="C19" s="42">
        <v>2004</v>
      </c>
      <c r="D19" s="65"/>
      <c r="E19" s="67"/>
      <c r="F19" s="67"/>
      <c r="G19" s="67" t="s">
        <v>16</v>
      </c>
      <c r="H19" s="56"/>
      <c r="I19" s="56"/>
      <c r="J19" s="56"/>
      <c r="K19" s="56"/>
      <c r="L19" s="56"/>
      <c r="M19" s="68"/>
      <c r="N19" s="11"/>
      <c r="O19" s="19"/>
    </row>
    <row r="20" spans="2:15" s="44" customFormat="1" ht="15" customHeight="1">
      <c r="B20" s="64">
        <v>7</v>
      </c>
      <c r="C20" s="42">
        <v>93938</v>
      </c>
      <c r="D20" s="65"/>
      <c r="E20" s="67"/>
      <c r="F20" s="67"/>
      <c r="G20" s="67"/>
      <c r="H20" s="67" t="s">
        <v>17</v>
      </c>
      <c r="I20" s="56"/>
      <c r="J20" s="56"/>
      <c r="K20" s="56"/>
      <c r="L20" s="56"/>
      <c r="M20" s="68"/>
      <c r="N20" s="11"/>
      <c r="O20" s="19"/>
    </row>
    <row r="21" spans="2:15" s="44" customFormat="1" ht="15" customHeight="1">
      <c r="B21" s="64">
        <v>8</v>
      </c>
      <c r="C21" s="42">
        <v>93939</v>
      </c>
      <c r="D21" s="69"/>
      <c r="E21" s="70"/>
      <c r="F21" s="70"/>
      <c r="G21" s="70"/>
      <c r="H21" s="70" t="s">
        <v>18</v>
      </c>
      <c r="I21" s="56"/>
      <c r="J21" s="56"/>
      <c r="K21" s="56"/>
      <c r="L21" s="56"/>
      <c r="M21" s="68"/>
      <c r="N21" s="11"/>
      <c r="O21" s="19"/>
    </row>
    <row r="22" spans="2:15" s="44" customFormat="1" ht="15" customHeight="1">
      <c r="B22" s="64">
        <v>9</v>
      </c>
      <c r="C22" s="42">
        <v>93940</v>
      </c>
      <c r="D22" s="65"/>
      <c r="E22" s="67"/>
      <c r="F22" s="67"/>
      <c r="G22" s="67"/>
      <c r="H22" s="67" t="s">
        <v>19</v>
      </c>
      <c r="I22" s="56"/>
      <c r="J22" s="56"/>
      <c r="K22" s="56"/>
      <c r="L22" s="56"/>
      <c r="M22" s="68"/>
      <c r="N22" s="11"/>
      <c r="O22" s="19"/>
    </row>
    <row r="23" spans="2:15" s="44" customFormat="1" ht="15" customHeight="1">
      <c r="B23" s="64">
        <v>10</v>
      </c>
      <c r="C23" s="42">
        <v>93941</v>
      </c>
      <c r="D23" s="69"/>
      <c r="E23" s="70"/>
      <c r="F23" s="70"/>
      <c r="G23" s="70"/>
      <c r="H23" s="70" t="s">
        <v>20</v>
      </c>
      <c r="I23" s="56"/>
      <c r="J23" s="56"/>
      <c r="K23" s="56"/>
      <c r="L23" s="56"/>
      <c r="M23" s="68"/>
      <c r="N23" s="11"/>
      <c r="O23" s="19"/>
    </row>
    <row r="24" spans="2:15" s="44" customFormat="1" ht="15" customHeight="1">
      <c r="B24" s="64">
        <v>11</v>
      </c>
      <c r="C24" s="42">
        <v>280205</v>
      </c>
      <c r="D24" s="65"/>
      <c r="E24" s="67"/>
      <c r="F24" s="67"/>
      <c r="G24" s="67"/>
      <c r="H24" s="67" t="s">
        <v>21</v>
      </c>
      <c r="I24" s="56"/>
      <c r="J24" s="56"/>
      <c r="K24" s="56"/>
      <c r="L24" s="56"/>
      <c r="M24" s="68"/>
      <c r="N24" s="11"/>
      <c r="O24" s="19"/>
    </row>
    <row r="25" spans="2:15" s="44" customFormat="1" ht="15" customHeight="1">
      <c r="B25" s="64"/>
      <c r="C25" s="42">
        <v>108995</v>
      </c>
      <c r="D25" s="69"/>
      <c r="E25" s="70"/>
      <c r="F25" s="70" t="s">
        <v>22</v>
      </c>
      <c r="G25" s="56"/>
      <c r="H25" s="70"/>
      <c r="I25" s="56"/>
      <c r="J25" s="56"/>
      <c r="K25" s="56"/>
      <c r="L25" s="56"/>
      <c r="M25" s="68"/>
      <c r="N25" s="11"/>
      <c r="O25" s="19"/>
    </row>
    <row r="26" spans="2:15" s="44" customFormat="1" ht="15" customHeight="1">
      <c r="B26" s="64">
        <v>12</v>
      </c>
      <c r="C26" s="42">
        <v>1305</v>
      </c>
      <c r="D26" s="69"/>
      <c r="E26" s="70"/>
      <c r="F26" s="70"/>
      <c r="G26" s="70" t="s">
        <v>23</v>
      </c>
      <c r="H26" s="70"/>
      <c r="I26" s="56"/>
      <c r="J26" s="56"/>
      <c r="K26" s="56"/>
      <c r="L26" s="56"/>
      <c r="M26" s="68"/>
      <c r="N26" s="11"/>
      <c r="O26" s="19"/>
    </row>
    <row r="27" spans="2:15" s="44" customFormat="1" ht="15" customHeight="1">
      <c r="B27" s="64">
        <v>13</v>
      </c>
      <c r="C27" s="42">
        <v>2042</v>
      </c>
      <c r="D27" s="65"/>
      <c r="E27" s="67"/>
      <c r="F27" s="67"/>
      <c r="G27" s="67" t="s">
        <v>24</v>
      </c>
      <c r="H27" s="67"/>
      <c r="I27" s="56"/>
      <c r="J27" s="56"/>
      <c r="K27" s="56"/>
      <c r="L27" s="56"/>
      <c r="M27" s="68"/>
      <c r="N27" s="11"/>
      <c r="O27" s="19"/>
    </row>
    <row r="28" spans="2:15" s="44" customFormat="1" ht="15" customHeight="1">
      <c r="B28" s="64">
        <v>14</v>
      </c>
      <c r="C28" s="42">
        <v>2470</v>
      </c>
      <c r="D28" s="69"/>
      <c r="E28" s="70"/>
      <c r="F28" s="70"/>
      <c r="G28" s="70" t="s">
        <v>25</v>
      </c>
      <c r="H28" s="70"/>
      <c r="I28" s="56"/>
      <c r="J28" s="56"/>
      <c r="K28" s="56"/>
      <c r="L28" s="56"/>
      <c r="M28" s="68"/>
      <c r="N28" s="11"/>
      <c r="O28" s="19"/>
    </row>
    <row r="29" spans="2:15" s="44" customFormat="1" ht="15" customHeight="1">
      <c r="B29" s="64"/>
      <c r="C29" s="42">
        <v>180776</v>
      </c>
      <c r="D29" s="65"/>
      <c r="E29" s="67"/>
      <c r="F29" s="67" t="s">
        <v>26</v>
      </c>
      <c r="G29" s="56"/>
      <c r="H29" s="67"/>
      <c r="I29" s="56"/>
      <c r="J29" s="56"/>
      <c r="K29" s="56"/>
      <c r="L29" s="56"/>
      <c r="M29" s="68"/>
      <c r="N29" s="11"/>
      <c r="O29" s="19"/>
    </row>
    <row r="30" spans="2:15" s="44" customFormat="1" ht="15" customHeight="1">
      <c r="B30" s="64">
        <v>15</v>
      </c>
      <c r="C30" s="42">
        <v>2140</v>
      </c>
      <c r="D30" s="65"/>
      <c r="E30" s="67"/>
      <c r="F30" s="67"/>
      <c r="G30" s="67" t="s">
        <v>27</v>
      </c>
      <c r="H30" s="67"/>
      <c r="I30" s="56"/>
      <c r="J30" s="56"/>
      <c r="K30" s="56"/>
      <c r="L30" s="56"/>
      <c r="M30" s="68"/>
      <c r="N30" s="11"/>
      <c r="O30" s="19"/>
    </row>
    <row r="31" spans="2:15" s="44" customFormat="1" ht="15" customHeight="1">
      <c r="B31" s="64">
        <v>16</v>
      </c>
      <c r="C31" s="42">
        <v>2017</v>
      </c>
      <c r="D31" s="69"/>
      <c r="E31" s="70"/>
      <c r="F31" s="70"/>
      <c r="G31" s="70" t="s">
        <v>28</v>
      </c>
      <c r="H31" s="70"/>
      <c r="I31" s="56"/>
      <c r="J31" s="56"/>
      <c r="K31" s="56"/>
      <c r="L31" s="56"/>
      <c r="M31" s="68"/>
      <c r="N31" s="11"/>
      <c r="O31" s="19"/>
    </row>
    <row r="32" spans="2:15" s="44" customFormat="1" ht="15" customHeight="1">
      <c r="B32" s="64"/>
      <c r="C32" s="42">
        <v>180779</v>
      </c>
      <c r="D32" s="65"/>
      <c r="E32" s="67"/>
      <c r="F32" s="67" t="s">
        <v>29</v>
      </c>
      <c r="G32" s="56"/>
      <c r="H32" s="67"/>
      <c r="I32" s="56"/>
      <c r="J32" s="56"/>
      <c r="K32" s="56"/>
      <c r="L32" s="56"/>
      <c r="M32" s="68"/>
      <c r="N32" s="11"/>
      <c r="O32" s="19"/>
    </row>
    <row r="33" spans="2:15" s="44" customFormat="1" ht="15" customHeight="1">
      <c r="B33" s="64">
        <v>17</v>
      </c>
      <c r="C33" s="42">
        <v>280</v>
      </c>
      <c r="D33" s="65"/>
      <c r="E33" s="67"/>
      <c r="F33" s="67"/>
      <c r="G33" s="67" t="s">
        <v>30</v>
      </c>
      <c r="H33" s="67"/>
      <c r="I33" s="56"/>
      <c r="J33" s="56"/>
      <c r="K33" s="56"/>
      <c r="L33" s="56"/>
      <c r="M33" s="68"/>
      <c r="N33" s="11"/>
      <c r="O33" s="19"/>
    </row>
    <row r="34" spans="2:15" s="44" customFormat="1" ht="15" customHeight="1">
      <c r="B34" s="64">
        <v>18</v>
      </c>
      <c r="C34" s="42">
        <v>199</v>
      </c>
      <c r="D34" s="69"/>
      <c r="E34" s="70"/>
      <c r="F34" s="70"/>
      <c r="G34" s="70" t="s">
        <v>31</v>
      </c>
      <c r="H34" s="70"/>
      <c r="I34" s="56"/>
      <c r="J34" s="56"/>
      <c r="K34" s="56"/>
      <c r="L34" s="56"/>
      <c r="M34" s="68"/>
      <c r="N34" s="11"/>
      <c r="O34" s="19"/>
    </row>
    <row r="35" spans="2:15" s="44" customFormat="1" ht="15" customHeight="1">
      <c r="B35" s="64">
        <v>19</v>
      </c>
      <c r="C35" s="42">
        <v>884</v>
      </c>
      <c r="D35" s="65"/>
      <c r="E35" s="67"/>
      <c r="F35" s="67"/>
      <c r="G35" s="67" t="s">
        <v>32</v>
      </c>
      <c r="H35" s="67"/>
      <c r="I35" s="56"/>
      <c r="J35" s="56"/>
      <c r="K35" s="56"/>
      <c r="L35" s="56"/>
      <c r="M35" s="68"/>
      <c r="N35" s="11"/>
      <c r="O35" s="19"/>
    </row>
    <row r="36" spans="2:15" s="44" customFormat="1" ht="15" customHeight="1">
      <c r="B36" s="64"/>
      <c r="C36" s="42">
        <v>287</v>
      </c>
      <c r="D36" s="69"/>
      <c r="E36" s="70"/>
      <c r="F36" s="70"/>
      <c r="G36" s="70" t="s">
        <v>33</v>
      </c>
      <c r="H36" s="56"/>
      <c r="I36" s="56"/>
      <c r="J36" s="56"/>
      <c r="K36" s="56"/>
      <c r="L36" s="56"/>
      <c r="M36" s="68"/>
      <c r="N36" s="11"/>
      <c r="O36" s="19"/>
    </row>
    <row r="37" spans="2:15" s="44" customFormat="1" ht="15" customHeight="1">
      <c r="B37" s="64">
        <v>20</v>
      </c>
      <c r="C37" s="42">
        <v>90309</v>
      </c>
      <c r="D37" s="69"/>
      <c r="E37" s="70"/>
      <c r="F37" s="70"/>
      <c r="G37" s="70"/>
      <c r="H37" s="70" t="s">
        <v>34</v>
      </c>
      <c r="I37" s="56"/>
      <c r="J37" s="56"/>
      <c r="K37" s="56"/>
      <c r="L37" s="56"/>
      <c r="M37" s="68"/>
      <c r="N37" s="11"/>
      <c r="O37" s="19"/>
    </row>
    <row r="38" spans="2:15" s="44" customFormat="1" ht="15" customHeight="1">
      <c r="B38" s="64">
        <v>21</v>
      </c>
      <c r="C38" s="42">
        <v>90318</v>
      </c>
      <c r="D38" s="65"/>
      <c r="E38" s="67"/>
      <c r="F38" s="67"/>
      <c r="G38" s="67"/>
      <c r="H38" s="67" t="s">
        <v>35</v>
      </c>
      <c r="I38" s="56"/>
      <c r="J38" s="56"/>
      <c r="K38" s="56"/>
      <c r="L38" s="56"/>
      <c r="M38" s="68"/>
      <c r="N38" s="11"/>
      <c r="O38" s="19"/>
    </row>
    <row r="39" spans="2:15" s="44" customFormat="1" ht="15" customHeight="1">
      <c r="B39" s="64">
        <v>22</v>
      </c>
      <c r="C39" s="42">
        <v>373</v>
      </c>
      <c r="D39" s="69"/>
      <c r="E39" s="70"/>
      <c r="F39" s="70"/>
      <c r="G39" s="70" t="s">
        <v>36</v>
      </c>
      <c r="H39" s="70"/>
      <c r="I39" s="56"/>
      <c r="J39" s="56"/>
      <c r="K39" s="56"/>
      <c r="L39" s="56"/>
      <c r="M39" s="68"/>
      <c r="N39" s="11"/>
      <c r="O39" s="19"/>
    </row>
    <row r="40" spans="2:15" s="44" customFormat="1" ht="15" customHeight="1">
      <c r="B40" s="64">
        <v>23</v>
      </c>
      <c r="C40" s="42">
        <v>991</v>
      </c>
      <c r="D40" s="65"/>
      <c r="E40" s="67"/>
      <c r="F40" s="67"/>
      <c r="G40" s="67" t="s">
        <v>37</v>
      </c>
      <c r="H40" s="67"/>
      <c r="I40" s="56"/>
      <c r="J40" s="56"/>
      <c r="K40" s="56"/>
      <c r="L40" s="56"/>
      <c r="M40" s="68"/>
      <c r="N40" s="11"/>
      <c r="O40" s="19"/>
    </row>
    <row r="41" spans="2:15" s="44" customFormat="1" ht="15" customHeight="1">
      <c r="B41" s="64">
        <v>24</v>
      </c>
      <c r="C41" s="42">
        <v>1335</v>
      </c>
      <c r="D41" s="69"/>
      <c r="E41" s="70"/>
      <c r="F41" s="70"/>
      <c r="G41" s="70" t="s">
        <v>38</v>
      </c>
      <c r="H41" s="70"/>
      <c r="I41" s="56"/>
      <c r="J41" s="56"/>
      <c r="K41" s="56"/>
      <c r="L41" s="56"/>
      <c r="M41" s="68"/>
      <c r="N41" s="11"/>
      <c r="O41" s="19"/>
    </row>
    <row r="42" spans="2:15" s="44" customFormat="1" ht="15" customHeight="1">
      <c r="B42" s="64">
        <v>25</v>
      </c>
      <c r="C42" s="42">
        <v>2141</v>
      </c>
      <c r="D42" s="65"/>
      <c r="E42" s="67"/>
      <c r="F42" s="67"/>
      <c r="G42" s="67" t="s">
        <v>39</v>
      </c>
      <c r="H42" s="67"/>
      <c r="I42" s="56"/>
      <c r="J42" s="56"/>
      <c r="K42" s="56"/>
      <c r="L42" s="56"/>
      <c r="M42" s="68"/>
      <c r="N42" s="11"/>
      <c r="O42" s="19"/>
    </row>
    <row r="43" spans="2:15" s="44" customFormat="1" ht="15" customHeight="1">
      <c r="B43" s="64">
        <v>26</v>
      </c>
      <c r="C43" s="42">
        <v>2143</v>
      </c>
      <c r="D43" s="69"/>
      <c r="E43" s="70"/>
      <c r="F43" s="70"/>
      <c r="G43" s="70" t="s">
        <v>40</v>
      </c>
      <c r="H43" s="70"/>
      <c r="I43" s="56"/>
      <c r="J43" s="56"/>
      <c r="K43" s="56"/>
      <c r="L43" s="56"/>
      <c r="M43" s="68"/>
      <c r="N43" s="11"/>
      <c r="O43" s="19"/>
    </row>
    <row r="44" spans="2:15" s="44" customFormat="1" ht="15" customHeight="1">
      <c r="B44" s="64">
        <v>27</v>
      </c>
      <c r="C44" s="42">
        <v>2322</v>
      </c>
      <c r="D44" s="65"/>
      <c r="E44" s="67"/>
      <c r="F44" s="67"/>
      <c r="G44" s="67" t="s">
        <v>41</v>
      </c>
      <c r="H44" s="67"/>
      <c r="I44" s="56"/>
      <c r="J44" s="56"/>
      <c r="K44" s="56"/>
      <c r="L44" s="56"/>
      <c r="M44" s="68"/>
      <c r="N44" s="11"/>
      <c r="O44" s="19"/>
    </row>
    <row r="45" spans="2:15" s="44" customFormat="1" ht="15" customHeight="1">
      <c r="B45" s="64">
        <v>28</v>
      </c>
      <c r="C45" s="42">
        <v>2470</v>
      </c>
      <c r="D45" s="69"/>
      <c r="E45" s="70"/>
      <c r="F45" s="70"/>
      <c r="G45" s="70" t="s">
        <v>25</v>
      </c>
      <c r="H45" s="70"/>
      <c r="I45" s="56"/>
      <c r="J45" s="56"/>
      <c r="K45" s="56"/>
      <c r="L45" s="56"/>
      <c r="M45" s="68"/>
      <c r="N45" s="11"/>
      <c r="O45" s="19"/>
    </row>
    <row r="46" spans="2:15" s="44" customFormat="1" ht="15" customHeight="1">
      <c r="B46" s="64"/>
      <c r="C46" s="42">
        <v>209</v>
      </c>
      <c r="D46" s="65"/>
      <c r="E46" s="67"/>
      <c r="F46" s="67"/>
      <c r="G46" s="67" t="s">
        <v>42</v>
      </c>
      <c r="H46" s="56"/>
      <c r="I46" s="56"/>
      <c r="J46" s="56"/>
      <c r="K46" s="56"/>
      <c r="L46" s="56"/>
      <c r="M46" s="68"/>
      <c r="N46" s="11"/>
      <c r="O46" s="19"/>
    </row>
    <row r="47" spans="2:15" s="44" customFormat="1" ht="15" customHeight="1">
      <c r="B47" s="64">
        <v>29</v>
      </c>
      <c r="C47" s="42">
        <v>90348</v>
      </c>
      <c r="D47" s="65"/>
      <c r="E47" s="67"/>
      <c r="F47" s="67"/>
      <c r="G47" s="67"/>
      <c r="H47" s="67" t="s">
        <v>43</v>
      </c>
      <c r="I47" s="56"/>
      <c r="J47" s="56"/>
      <c r="K47" s="56"/>
      <c r="L47" s="56"/>
      <c r="M47" s="68"/>
      <c r="N47" s="11"/>
      <c r="O47" s="19"/>
    </row>
    <row r="48" spans="2:15" s="44" customFormat="1" ht="15" customHeight="1">
      <c r="B48" s="64">
        <v>30</v>
      </c>
      <c r="C48" s="42">
        <v>90349</v>
      </c>
      <c r="D48" s="69"/>
      <c r="E48" s="70"/>
      <c r="F48" s="70"/>
      <c r="G48" s="70"/>
      <c r="H48" s="70" t="s">
        <v>44</v>
      </c>
      <c r="I48" s="56"/>
      <c r="J48" s="56"/>
      <c r="K48" s="56"/>
      <c r="L48" s="56"/>
      <c r="M48" s="68"/>
      <c r="N48" s="11"/>
      <c r="O48" s="19"/>
    </row>
    <row r="49" spans="2:15" s="44" customFormat="1" ht="15" customHeight="1">
      <c r="B49" s="64">
        <v>31</v>
      </c>
      <c r="C49" s="42">
        <v>90350</v>
      </c>
      <c r="D49" s="65"/>
      <c r="E49" s="67"/>
      <c r="F49" s="67"/>
      <c r="G49" s="67"/>
      <c r="H49" s="67" t="s">
        <v>45</v>
      </c>
      <c r="I49" s="56"/>
      <c r="J49" s="56"/>
      <c r="K49" s="56"/>
      <c r="L49" s="56"/>
      <c r="M49" s="68"/>
      <c r="N49" s="11"/>
      <c r="O49" s="19"/>
    </row>
    <row r="50" spans="2:15" s="44" customFormat="1" ht="15" customHeight="1">
      <c r="B50" s="64">
        <v>32</v>
      </c>
      <c r="C50" s="42">
        <v>96170</v>
      </c>
      <c r="D50" s="69"/>
      <c r="E50" s="70"/>
      <c r="F50" s="70"/>
      <c r="G50" s="70" t="s">
        <v>46</v>
      </c>
      <c r="H50" s="70"/>
      <c r="I50" s="56"/>
      <c r="J50" s="56"/>
      <c r="K50" s="56"/>
      <c r="L50" s="56"/>
      <c r="M50" s="68"/>
      <c r="N50" s="11"/>
      <c r="O50" s="19"/>
    </row>
    <row r="51" spans="2:15" s="44" customFormat="1" ht="15" customHeight="1">
      <c r="B51" s="64">
        <v>33</v>
      </c>
      <c r="C51" s="42">
        <v>230839</v>
      </c>
      <c r="D51" s="65"/>
      <c r="E51" s="67"/>
      <c r="F51" s="67"/>
      <c r="G51" s="67" t="s">
        <v>47</v>
      </c>
      <c r="H51" s="67"/>
      <c r="I51" s="56"/>
      <c r="J51" s="56"/>
      <c r="K51" s="56"/>
      <c r="L51" s="56"/>
      <c r="M51" s="68"/>
      <c r="N51" s="11"/>
      <c r="O51" s="19"/>
    </row>
    <row r="52" spans="2:15" s="44" customFormat="1" ht="15" customHeight="1">
      <c r="B52" s="64"/>
      <c r="C52" s="42">
        <v>285014</v>
      </c>
      <c r="D52" s="69"/>
      <c r="E52" s="70"/>
      <c r="F52" s="70" t="s">
        <v>48</v>
      </c>
      <c r="G52" s="56"/>
      <c r="H52" s="56"/>
      <c r="I52" s="56"/>
      <c r="J52" s="56"/>
      <c r="K52" s="56"/>
      <c r="L52" s="56"/>
      <c r="M52" s="68"/>
      <c r="N52" s="11"/>
      <c r="O52" s="19"/>
    </row>
    <row r="53" spans="2:15" s="44" customFormat="1" ht="15" customHeight="1">
      <c r="B53" s="64"/>
      <c r="C53" s="42">
        <v>558</v>
      </c>
      <c r="D53" s="69"/>
      <c r="E53" s="70"/>
      <c r="F53" s="70"/>
      <c r="G53" s="70" t="s">
        <v>49</v>
      </c>
      <c r="H53" s="56"/>
      <c r="I53" s="56"/>
      <c r="J53" s="56"/>
      <c r="K53" s="56"/>
      <c r="L53" s="56"/>
      <c r="M53" s="68"/>
      <c r="N53" s="11"/>
      <c r="O53" s="19"/>
    </row>
    <row r="54" spans="2:15" s="44" customFormat="1" ht="15" customHeight="1">
      <c r="B54" s="64">
        <v>34</v>
      </c>
      <c r="C54" s="42">
        <v>284963</v>
      </c>
      <c r="D54" s="69"/>
      <c r="E54" s="70"/>
      <c r="F54" s="70"/>
      <c r="G54" s="70"/>
      <c r="H54" s="70" t="s">
        <v>50</v>
      </c>
      <c r="I54" s="56"/>
      <c r="J54" s="56"/>
      <c r="K54" s="56"/>
      <c r="L54" s="56"/>
      <c r="M54" s="68"/>
      <c r="N54" s="11"/>
      <c r="O54" s="19"/>
    </row>
    <row r="55" spans="2:15" s="44" customFormat="1" ht="15" customHeight="1">
      <c r="B55" s="64">
        <v>35</v>
      </c>
      <c r="C55" s="42">
        <v>284973</v>
      </c>
      <c r="D55" s="65"/>
      <c r="E55" s="67"/>
      <c r="F55" s="67"/>
      <c r="G55" s="67"/>
      <c r="H55" s="67" t="s">
        <v>51</v>
      </c>
      <c r="I55" s="56"/>
      <c r="J55" s="56"/>
      <c r="K55" s="56"/>
      <c r="L55" s="56"/>
      <c r="M55" s="68"/>
      <c r="N55" s="11"/>
      <c r="O55" s="19"/>
    </row>
    <row r="56" spans="2:15" s="44" customFormat="1" ht="15" customHeight="1">
      <c r="B56" s="64">
        <v>36</v>
      </c>
      <c r="C56" s="42">
        <v>3342</v>
      </c>
      <c r="D56" s="69"/>
      <c r="E56" s="70"/>
      <c r="F56" s="70"/>
      <c r="G56" s="70" t="s">
        <v>52</v>
      </c>
      <c r="H56" s="70"/>
      <c r="I56" s="56"/>
      <c r="J56" s="56"/>
      <c r="K56" s="56"/>
      <c r="L56" s="56"/>
      <c r="M56" s="68"/>
      <c r="N56" s="11"/>
      <c r="O56" s="19"/>
    </row>
    <row r="57" spans="2:15" s="44" customFormat="1" ht="15" customHeight="1">
      <c r="B57" s="64">
        <v>37</v>
      </c>
      <c r="C57" s="42">
        <v>60030</v>
      </c>
      <c r="D57" s="65"/>
      <c r="E57" s="67"/>
      <c r="F57" s="67"/>
      <c r="G57" s="67" t="s">
        <v>53</v>
      </c>
      <c r="H57" s="67"/>
      <c r="I57" s="56"/>
      <c r="J57" s="56"/>
      <c r="K57" s="56"/>
      <c r="L57" s="56"/>
      <c r="M57" s="68"/>
      <c r="N57" s="11"/>
      <c r="O57" s="19"/>
    </row>
    <row r="58" spans="2:15" s="44" customFormat="1" ht="15" customHeight="1">
      <c r="B58" s="64">
        <v>38</v>
      </c>
      <c r="C58" s="42">
        <v>88636</v>
      </c>
      <c r="D58" s="69"/>
      <c r="E58" s="70"/>
      <c r="F58" s="70"/>
      <c r="G58" s="70" t="s">
        <v>54</v>
      </c>
      <c r="H58" s="70"/>
      <c r="I58" s="56"/>
      <c r="J58" s="56"/>
      <c r="K58" s="56"/>
      <c r="L58" s="56"/>
      <c r="M58" s="68"/>
      <c r="N58" s="11"/>
      <c r="O58" s="19"/>
    </row>
    <row r="59" spans="2:15" s="44" customFormat="1" ht="15" customHeight="1">
      <c r="B59" s="64">
        <v>39</v>
      </c>
      <c r="C59" s="42">
        <v>90349</v>
      </c>
      <c r="D59" s="65"/>
      <c r="E59" s="67"/>
      <c r="F59" s="67"/>
      <c r="G59" s="67" t="s">
        <v>44</v>
      </c>
      <c r="H59" s="67"/>
      <c r="I59" s="56"/>
      <c r="J59" s="56"/>
      <c r="K59" s="56"/>
      <c r="L59" s="56"/>
      <c r="M59" s="68"/>
      <c r="N59" s="11"/>
      <c r="O59" s="19"/>
    </row>
    <row r="60" spans="2:15" s="44" customFormat="1" ht="15" customHeight="1">
      <c r="B60" s="64">
        <v>40</v>
      </c>
      <c r="C60" s="42">
        <v>91387</v>
      </c>
      <c r="D60" s="69"/>
      <c r="E60" s="70"/>
      <c r="F60" s="70"/>
      <c r="G60" s="70" t="s">
        <v>55</v>
      </c>
      <c r="H60" s="70"/>
      <c r="I60" s="56"/>
      <c r="J60" s="56"/>
      <c r="K60" s="56"/>
      <c r="L60" s="56"/>
      <c r="M60" s="68"/>
      <c r="N60" s="11"/>
      <c r="O60" s="19"/>
    </row>
    <row r="61" spans="2:15" s="44" customFormat="1" ht="15" customHeight="1">
      <c r="B61" s="64">
        <v>41</v>
      </c>
      <c r="C61" s="42">
        <v>284979</v>
      </c>
      <c r="D61" s="65"/>
      <c r="E61" s="67"/>
      <c r="F61" s="67"/>
      <c r="G61" s="67" t="s">
        <v>56</v>
      </c>
      <c r="H61" s="67"/>
      <c r="I61" s="56"/>
      <c r="J61" s="56"/>
      <c r="K61" s="56"/>
      <c r="L61" s="56"/>
      <c r="M61" s="68"/>
      <c r="N61" s="11"/>
      <c r="O61" s="19"/>
    </row>
    <row r="62" spans="2:15" s="44" customFormat="1" ht="15.75" customHeight="1" thickBot="1">
      <c r="B62" s="71">
        <v>42</v>
      </c>
      <c r="C62" s="43">
        <v>284984</v>
      </c>
      <c r="D62" s="72"/>
      <c r="E62" s="73"/>
      <c r="F62" s="73"/>
      <c r="G62" s="73" t="s">
        <v>57</v>
      </c>
      <c r="H62" s="73"/>
      <c r="I62" s="74"/>
      <c r="J62" s="74"/>
      <c r="K62" s="74"/>
      <c r="L62" s="74"/>
      <c r="M62" s="75"/>
      <c r="N62" s="20"/>
      <c r="O62" s="21"/>
    </row>
    <row r="63" spans="2:15">
      <c r="B63" s="16"/>
      <c r="D63" s="44"/>
      <c r="E63" s="44"/>
      <c r="F63" s="44"/>
      <c r="G63" s="44"/>
      <c r="H63" s="44"/>
      <c r="I63" s="44"/>
      <c r="J63" s="44"/>
      <c r="K63" s="44"/>
      <c r="L63" s="44"/>
      <c r="M63" s="44"/>
    </row>
    <row r="64" spans="2:15">
      <c r="B64" s="16"/>
      <c r="C64" s="76" t="s">
        <v>58</v>
      </c>
      <c r="D64" s="44"/>
      <c r="E64" s="44"/>
      <c r="F64" s="44"/>
      <c r="G64" s="44"/>
      <c r="H64" s="44"/>
      <c r="I64" s="44"/>
      <c r="J64" s="44"/>
      <c r="K64" s="44"/>
      <c r="L64" s="44"/>
      <c r="M64" s="44"/>
    </row>
    <row r="65" spans="2:13">
      <c r="B65" s="16"/>
      <c r="D65" s="44"/>
      <c r="E65" s="44"/>
      <c r="F65" s="44"/>
      <c r="G65" s="44"/>
      <c r="H65" s="44"/>
      <c r="I65" s="44"/>
      <c r="J65" s="44"/>
      <c r="K65" s="44"/>
      <c r="L65" s="44"/>
      <c r="M65" s="44"/>
    </row>
  </sheetData>
  <sheetProtection password="98D8" sheet="1" objects="1" scenarios="1" selectLockedCells="1"/>
  <mergeCells count="6">
    <mergeCell ref="C6:E6"/>
    <mergeCell ref="C7:E7"/>
    <mergeCell ref="E9:M9"/>
    <mergeCell ref="L3:O3"/>
    <mergeCell ref="L6:O6"/>
    <mergeCell ref="L7:O7"/>
  </mergeCells>
  <pageMargins left="0.75" right="0.75" top="1" bottom="1" header="0.5" footer="0.5"/>
  <extLst>
    <ext xmlns:mx="http://schemas.microsoft.com/office/mac/excel/2008/main" uri="{64002731-A6B0-56B0-2670-7721B7C09600}">
      <mx:PLV Mode="0" OnePage="0" WScale="0"/>
    </ext>
  </extLst>
</worksheet>
</file>

<file path=xl/worksheets/sheet2.xml><?xml version="1.0" encoding="utf-8"?>
<worksheet xmlns="http://schemas.openxmlformats.org/spreadsheetml/2006/main" xmlns:r="http://schemas.openxmlformats.org/officeDocument/2006/relationships">
  <dimension ref="A1:O35"/>
  <sheetViews>
    <sheetView topLeftCell="C1" zoomScale="90" zoomScaleNormal="90" workbookViewId="0">
      <pane ySplit="9" topLeftCell="A10" activePane="bottomLeft" state="frozen"/>
      <selection activeCell="C1" sqref="C1"/>
      <selection pane="bottomLeft" activeCell="L3" sqref="L3:O3"/>
    </sheetView>
  </sheetViews>
  <sheetFormatPr baseColWidth="10" defaultRowHeight="15"/>
  <cols>
    <col min="1" max="1" width="11.42578125" style="16" hidden="1" customWidth="1"/>
    <col min="2" max="2" width="6.42578125" style="18" hidden="1" customWidth="1"/>
    <col min="3" max="3" width="10.85546875" style="16" customWidth="1"/>
    <col min="4" max="4" width="1.42578125" style="16" customWidth="1"/>
    <col min="5" max="12" width="3.5703125" style="16" customWidth="1"/>
    <col min="13" max="13" width="100.7109375" style="16" customWidth="1"/>
    <col min="14" max="14" width="20.85546875" style="16" customWidth="1"/>
    <col min="15" max="15" width="24.28515625" style="16" customWidth="1"/>
    <col min="16" max="16384" width="11.42578125" style="16"/>
  </cols>
  <sheetData>
    <row r="1" spans="2:15" ht="5.25" customHeight="1">
      <c r="B1" s="15"/>
      <c r="F1" s="18"/>
      <c r="G1" s="18"/>
      <c r="H1" s="18"/>
    </row>
    <row r="2" spans="2:15" ht="4.5" customHeight="1">
      <c r="B2" s="16"/>
      <c r="C2" s="1"/>
      <c r="D2" s="2"/>
      <c r="E2" s="2"/>
      <c r="F2" s="3"/>
      <c r="G2" s="3"/>
      <c r="H2" s="3"/>
      <c r="I2" s="3"/>
      <c r="J2" s="3"/>
      <c r="K2" s="3"/>
      <c r="L2" s="22"/>
      <c r="M2" s="17"/>
      <c r="N2" s="17"/>
      <c r="O2" s="23"/>
    </row>
    <row r="3" spans="2:15" s="24" customFormat="1" ht="21.75" thickBot="1">
      <c r="C3" s="4" t="s">
        <v>1</v>
      </c>
      <c r="D3" s="5"/>
      <c r="E3" s="5"/>
      <c r="F3" s="25"/>
      <c r="G3" s="26"/>
      <c r="H3" s="26"/>
      <c r="I3" s="26"/>
      <c r="J3" s="26"/>
      <c r="K3" s="26"/>
      <c r="L3" s="58"/>
      <c r="M3" s="59"/>
      <c r="N3" s="59"/>
      <c r="O3" s="60"/>
    </row>
    <row r="4" spans="2:15" s="24" customFormat="1" ht="4.5" customHeight="1">
      <c r="C4" s="6"/>
      <c r="D4" s="7"/>
      <c r="E4" s="7"/>
      <c r="F4" s="8"/>
      <c r="G4" s="27"/>
      <c r="H4" s="27"/>
      <c r="I4" s="27"/>
      <c r="J4" s="27"/>
      <c r="K4" s="27"/>
      <c r="L4" s="28"/>
      <c r="M4" s="29"/>
      <c r="N4" s="29"/>
      <c r="O4" s="30"/>
    </row>
    <row r="5" spans="2:15" ht="7.5" customHeight="1">
      <c r="B5" s="16"/>
      <c r="C5" s="18"/>
      <c r="G5" s="18"/>
      <c r="H5" s="18"/>
      <c r="I5" s="18"/>
      <c r="J5" s="18"/>
      <c r="K5" s="18"/>
      <c r="M5" s="31"/>
      <c r="N5" s="31"/>
      <c r="O5" s="31"/>
    </row>
    <row r="6" spans="2:15" s="32" customFormat="1" ht="22.5" customHeight="1">
      <c r="C6" s="13" t="s">
        <v>2</v>
      </c>
      <c r="D6" s="14"/>
      <c r="E6" s="33"/>
      <c r="F6" s="12"/>
      <c r="G6" s="34"/>
      <c r="H6" s="34"/>
      <c r="I6" s="34"/>
      <c r="J6" s="34"/>
      <c r="K6" s="34"/>
      <c r="L6" s="61"/>
      <c r="M6" s="62"/>
      <c r="N6" s="62"/>
      <c r="O6" s="63"/>
    </row>
    <row r="7" spans="2:15" s="32" customFormat="1" ht="22.5" customHeight="1">
      <c r="C7" s="13" t="s">
        <v>3</v>
      </c>
      <c r="D7" s="14"/>
      <c r="E7" s="33"/>
      <c r="F7" s="12"/>
      <c r="G7" s="34"/>
      <c r="H7" s="34"/>
      <c r="I7" s="34"/>
      <c r="J7" s="34"/>
      <c r="K7" s="34"/>
      <c r="L7" s="61"/>
      <c r="M7" s="62"/>
      <c r="N7" s="62"/>
      <c r="O7" s="63"/>
    </row>
    <row r="8" spans="2:15" ht="7.5" customHeight="1" thickBot="1">
      <c r="F8" s="18"/>
      <c r="G8" s="18"/>
      <c r="H8" s="18"/>
    </row>
    <row r="9" spans="2:15" s="35" customFormat="1" ht="60" customHeight="1">
      <c r="B9" s="36" t="s">
        <v>4</v>
      </c>
      <c r="C9" s="9" t="s">
        <v>5</v>
      </c>
      <c r="D9" s="37"/>
      <c r="E9" s="38" t="s">
        <v>62</v>
      </c>
      <c r="F9" s="39"/>
      <c r="G9" s="39"/>
      <c r="H9" s="39"/>
      <c r="I9" s="39"/>
      <c r="J9" s="39"/>
      <c r="K9" s="39"/>
      <c r="L9" s="39"/>
      <c r="M9" s="40"/>
      <c r="N9" s="41" t="s">
        <v>61</v>
      </c>
      <c r="O9" s="10" t="s">
        <v>7</v>
      </c>
    </row>
    <row r="10" spans="2:15" s="44" customFormat="1" ht="15.75" customHeight="1">
      <c r="B10" s="64"/>
      <c r="C10" s="42">
        <v>97962</v>
      </c>
      <c r="D10" s="65"/>
      <c r="E10" s="66" t="s">
        <v>0</v>
      </c>
      <c r="F10" s="56"/>
      <c r="G10" s="67"/>
      <c r="H10" s="67"/>
      <c r="I10" s="56"/>
      <c r="J10" s="56"/>
      <c r="K10" s="56"/>
      <c r="L10" s="56"/>
      <c r="M10" s="68"/>
      <c r="N10" s="11"/>
      <c r="O10" s="19"/>
    </row>
    <row r="11" spans="2:15" s="44" customFormat="1" ht="15" customHeight="1">
      <c r="B11" s="64">
        <v>1</v>
      </c>
      <c r="C11" s="42">
        <v>93942</v>
      </c>
      <c r="D11" s="65"/>
      <c r="E11" s="67"/>
      <c r="F11" s="67" t="s">
        <v>8</v>
      </c>
      <c r="G11" s="67"/>
      <c r="H11" s="67"/>
      <c r="I11" s="56"/>
      <c r="J11" s="56"/>
      <c r="K11" s="56"/>
      <c r="L11" s="56"/>
      <c r="M11" s="68"/>
      <c r="N11" s="11"/>
      <c r="O11" s="19"/>
    </row>
    <row r="12" spans="2:15" s="44" customFormat="1" ht="15" customHeight="1">
      <c r="B12" s="64"/>
      <c r="C12" s="42">
        <v>97330</v>
      </c>
      <c r="D12" s="69"/>
      <c r="E12" s="70"/>
      <c r="F12" s="70" t="s">
        <v>9</v>
      </c>
      <c r="G12" s="56"/>
      <c r="H12" s="70"/>
      <c r="I12" s="56"/>
      <c r="J12" s="56"/>
      <c r="K12" s="56"/>
      <c r="L12" s="56"/>
      <c r="M12" s="68"/>
      <c r="N12" s="11"/>
      <c r="O12" s="19"/>
    </row>
    <row r="13" spans="2:15" s="44" customFormat="1" ht="15" customHeight="1">
      <c r="B13" s="64"/>
      <c r="C13" s="42">
        <v>108993</v>
      </c>
      <c r="D13" s="69"/>
      <c r="E13" s="70"/>
      <c r="F13" s="70" t="s">
        <v>12</v>
      </c>
      <c r="G13" s="56"/>
      <c r="H13" s="70"/>
      <c r="I13" s="56"/>
      <c r="J13" s="56"/>
      <c r="K13" s="56"/>
      <c r="L13" s="56"/>
      <c r="M13" s="68"/>
      <c r="N13" s="11"/>
      <c r="O13" s="19"/>
    </row>
    <row r="14" spans="2:15" s="44" customFormat="1" ht="15" customHeight="1">
      <c r="B14" s="64"/>
      <c r="C14" s="42">
        <v>108995</v>
      </c>
      <c r="D14" s="69"/>
      <c r="E14" s="70"/>
      <c r="F14" s="70" t="s">
        <v>22</v>
      </c>
      <c r="G14" s="56"/>
      <c r="H14" s="70"/>
      <c r="I14" s="56"/>
      <c r="J14" s="56"/>
      <c r="K14" s="56"/>
      <c r="L14" s="56"/>
      <c r="M14" s="68"/>
      <c r="N14" s="11"/>
      <c r="O14" s="19"/>
    </row>
    <row r="15" spans="2:15" s="44" customFormat="1" ht="15" customHeight="1">
      <c r="B15" s="64"/>
      <c r="C15" s="42">
        <v>180776</v>
      </c>
      <c r="D15" s="65"/>
      <c r="E15" s="67"/>
      <c r="F15" s="67" t="s">
        <v>26</v>
      </c>
      <c r="G15" s="56"/>
      <c r="H15" s="67"/>
      <c r="I15" s="56"/>
      <c r="J15" s="56"/>
      <c r="K15" s="56"/>
      <c r="L15" s="56"/>
      <c r="M15" s="68"/>
      <c r="N15" s="11"/>
      <c r="O15" s="19"/>
    </row>
    <row r="16" spans="2:15" s="44" customFormat="1" ht="15" customHeight="1">
      <c r="B16" s="64"/>
      <c r="C16" s="42">
        <v>180779</v>
      </c>
      <c r="D16" s="65"/>
      <c r="E16" s="67"/>
      <c r="F16" s="67" t="s">
        <v>29</v>
      </c>
      <c r="G16" s="56"/>
      <c r="H16" s="67"/>
      <c r="I16" s="56"/>
      <c r="J16" s="56"/>
      <c r="K16" s="56"/>
      <c r="L16" s="56"/>
      <c r="M16" s="68"/>
      <c r="N16" s="11"/>
      <c r="O16" s="19"/>
    </row>
    <row r="17" spans="2:15" s="44" customFormat="1" ht="15" customHeight="1">
      <c r="B17" s="64"/>
      <c r="C17" s="42">
        <v>285014</v>
      </c>
      <c r="D17" s="69"/>
      <c r="E17" s="70"/>
      <c r="F17" s="70" t="s">
        <v>48</v>
      </c>
      <c r="G17" s="56"/>
      <c r="H17" s="56"/>
      <c r="I17" s="56"/>
      <c r="J17" s="56"/>
      <c r="K17" s="56"/>
      <c r="L17" s="56"/>
      <c r="M17" s="68"/>
      <c r="N17" s="11"/>
      <c r="O17" s="19"/>
    </row>
    <row r="18" spans="2:15" s="44" customFormat="1" ht="15.75" customHeight="1">
      <c r="B18" s="45"/>
      <c r="C18" s="46"/>
      <c r="D18" s="47"/>
      <c r="E18" s="48" t="s">
        <v>63</v>
      </c>
      <c r="F18" s="81"/>
      <c r="G18" s="81"/>
      <c r="H18" s="81"/>
      <c r="I18" s="81"/>
      <c r="J18" s="81"/>
      <c r="K18" s="81"/>
      <c r="L18" s="81"/>
      <c r="M18" s="82"/>
      <c r="N18" s="83"/>
      <c r="O18" s="84"/>
    </row>
    <row r="19" spans="2:15" s="44" customFormat="1" ht="15.75" customHeight="1">
      <c r="B19" s="45"/>
      <c r="C19" s="49"/>
      <c r="D19" s="50"/>
      <c r="E19" s="51" t="s">
        <v>64</v>
      </c>
      <c r="F19" s="85"/>
      <c r="G19" s="85"/>
      <c r="H19" s="85"/>
      <c r="I19" s="85"/>
      <c r="J19" s="85"/>
      <c r="K19" s="85"/>
      <c r="L19" s="85"/>
      <c r="M19" s="86"/>
      <c r="N19" s="87"/>
      <c r="O19" s="88"/>
    </row>
    <row r="20" spans="2:15" s="44" customFormat="1" ht="15.75" customHeight="1">
      <c r="B20" s="45"/>
      <c r="C20" s="52"/>
      <c r="D20" s="53"/>
      <c r="E20" s="54" t="s">
        <v>60</v>
      </c>
      <c r="F20" s="89"/>
      <c r="G20" s="89"/>
      <c r="H20" s="89"/>
      <c r="I20" s="89"/>
      <c r="J20" s="89"/>
      <c r="K20" s="89"/>
      <c r="L20" s="89"/>
      <c r="M20" s="90"/>
      <c r="N20" s="91"/>
      <c r="O20" s="92"/>
    </row>
    <row r="21" spans="2:15" s="44" customFormat="1" ht="15.75" customHeight="1">
      <c r="B21" s="45"/>
      <c r="C21" s="42"/>
      <c r="D21" s="77"/>
      <c r="E21" s="62"/>
      <c r="F21" s="62"/>
      <c r="G21" s="62"/>
      <c r="H21" s="62"/>
      <c r="I21" s="62"/>
      <c r="J21" s="62"/>
      <c r="K21" s="62"/>
      <c r="L21" s="62"/>
      <c r="M21" s="63"/>
      <c r="N21" s="11"/>
      <c r="O21" s="19"/>
    </row>
    <row r="22" spans="2:15" s="44" customFormat="1" ht="15" customHeight="1">
      <c r="B22" s="45"/>
      <c r="C22" s="42"/>
      <c r="D22" s="77"/>
      <c r="E22" s="62"/>
      <c r="F22" s="62"/>
      <c r="G22" s="62"/>
      <c r="H22" s="62"/>
      <c r="I22" s="62"/>
      <c r="J22" s="62"/>
      <c r="K22" s="62"/>
      <c r="L22" s="62"/>
      <c r="M22" s="63"/>
      <c r="N22" s="11"/>
      <c r="O22" s="19"/>
    </row>
    <row r="23" spans="2:15" s="44" customFormat="1" ht="15" customHeight="1">
      <c r="B23" s="45"/>
      <c r="C23" s="42"/>
      <c r="D23" s="77"/>
      <c r="E23" s="62"/>
      <c r="F23" s="62"/>
      <c r="G23" s="62"/>
      <c r="H23" s="62"/>
      <c r="I23" s="62"/>
      <c r="J23" s="62"/>
      <c r="K23" s="62"/>
      <c r="L23" s="62"/>
      <c r="M23" s="63"/>
      <c r="N23" s="11"/>
      <c r="O23" s="19"/>
    </row>
    <row r="24" spans="2:15" s="44" customFormat="1" ht="15" customHeight="1">
      <c r="B24" s="45"/>
      <c r="C24" s="42"/>
      <c r="D24" s="77"/>
      <c r="E24" s="62"/>
      <c r="F24" s="62"/>
      <c r="G24" s="62"/>
      <c r="H24" s="62"/>
      <c r="I24" s="62"/>
      <c r="J24" s="62"/>
      <c r="K24" s="62"/>
      <c r="L24" s="62"/>
      <c r="M24" s="63"/>
      <c r="N24" s="11"/>
      <c r="O24" s="19"/>
    </row>
    <row r="25" spans="2:15" s="44" customFormat="1" ht="15" customHeight="1">
      <c r="B25" s="45"/>
      <c r="C25" s="42"/>
      <c r="D25" s="77"/>
      <c r="E25" s="62"/>
      <c r="F25" s="62"/>
      <c r="G25" s="62"/>
      <c r="H25" s="62"/>
      <c r="I25" s="62"/>
      <c r="J25" s="62"/>
      <c r="K25" s="62"/>
      <c r="L25" s="62"/>
      <c r="M25" s="63"/>
      <c r="N25" s="11"/>
      <c r="O25" s="19"/>
    </row>
    <row r="26" spans="2:15" s="44" customFormat="1" ht="15" customHeight="1">
      <c r="B26" s="45"/>
      <c r="C26" s="42"/>
      <c r="D26" s="77"/>
      <c r="E26" s="62"/>
      <c r="F26" s="62"/>
      <c r="G26" s="62"/>
      <c r="H26" s="62"/>
      <c r="I26" s="62"/>
      <c r="J26" s="62"/>
      <c r="K26" s="62"/>
      <c r="L26" s="62"/>
      <c r="M26" s="63"/>
      <c r="N26" s="11"/>
      <c r="O26" s="19"/>
    </row>
    <row r="27" spans="2:15" s="44" customFormat="1" ht="15" customHeight="1">
      <c r="B27" s="45"/>
      <c r="C27" s="42"/>
      <c r="D27" s="77"/>
      <c r="E27" s="62"/>
      <c r="F27" s="62"/>
      <c r="G27" s="62"/>
      <c r="H27" s="62"/>
      <c r="I27" s="62"/>
      <c r="J27" s="62"/>
      <c r="K27" s="62"/>
      <c r="L27" s="62"/>
      <c r="M27" s="63"/>
      <c r="N27" s="11"/>
      <c r="O27" s="19"/>
    </row>
    <row r="28" spans="2:15" s="44" customFormat="1" ht="15" customHeight="1">
      <c r="B28" s="45"/>
      <c r="C28" s="42"/>
      <c r="D28" s="77"/>
      <c r="E28" s="62"/>
      <c r="F28" s="62"/>
      <c r="G28" s="62"/>
      <c r="H28" s="62"/>
      <c r="I28" s="62"/>
      <c r="J28" s="62"/>
      <c r="K28" s="62"/>
      <c r="L28" s="62"/>
      <c r="M28" s="63"/>
      <c r="N28" s="11"/>
      <c r="O28" s="19"/>
    </row>
    <row r="29" spans="2:15" s="44" customFormat="1" ht="15" customHeight="1">
      <c r="B29" s="55"/>
      <c r="C29" s="42"/>
      <c r="D29" s="77"/>
      <c r="E29" s="62"/>
      <c r="F29" s="62"/>
      <c r="G29" s="62"/>
      <c r="H29" s="62"/>
      <c r="I29" s="62"/>
      <c r="J29" s="62"/>
      <c r="K29" s="62"/>
      <c r="L29" s="62"/>
      <c r="M29" s="63"/>
      <c r="N29" s="11"/>
      <c r="O29" s="19"/>
    </row>
    <row r="30" spans="2:15" s="44" customFormat="1" ht="15" customHeight="1">
      <c r="B30" s="45"/>
      <c r="C30" s="42"/>
      <c r="D30" s="77"/>
      <c r="E30" s="62"/>
      <c r="F30" s="62"/>
      <c r="G30" s="62"/>
      <c r="H30" s="62"/>
      <c r="I30" s="62"/>
      <c r="J30" s="62"/>
      <c r="K30" s="62"/>
      <c r="L30" s="62"/>
      <c r="M30" s="63"/>
      <c r="N30" s="11"/>
      <c r="O30" s="19"/>
    </row>
    <row r="31" spans="2:15" s="44" customFormat="1" ht="15" customHeight="1">
      <c r="B31" s="45"/>
      <c r="C31" s="42"/>
      <c r="D31" s="77"/>
      <c r="E31" s="62"/>
      <c r="F31" s="62"/>
      <c r="G31" s="62"/>
      <c r="H31" s="62"/>
      <c r="I31" s="62"/>
      <c r="J31" s="62"/>
      <c r="K31" s="62"/>
      <c r="L31" s="62"/>
      <c r="M31" s="63"/>
      <c r="N31" s="11"/>
      <c r="O31" s="19"/>
    </row>
    <row r="32" spans="2:15" s="44" customFormat="1" ht="15.75" customHeight="1" thickBot="1">
      <c r="B32" s="57"/>
      <c r="C32" s="43"/>
      <c r="D32" s="78"/>
      <c r="E32" s="79"/>
      <c r="F32" s="79"/>
      <c r="G32" s="79"/>
      <c r="H32" s="79"/>
      <c r="I32" s="79"/>
      <c r="J32" s="79"/>
      <c r="K32" s="79"/>
      <c r="L32" s="79"/>
      <c r="M32" s="80"/>
      <c r="N32" s="20"/>
      <c r="O32" s="21"/>
    </row>
    <row r="33" spans="2:13">
      <c r="B33" s="16"/>
      <c r="D33" s="44"/>
      <c r="E33" s="44"/>
      <c r="F33" s="44"/>
      <c r="G33" s="44"/>
      <c r="H33" s="44"/>
      <c r="I33" s="44"/>
      <c r="J33" s="44"/>
      <c r="K33" s="44"/>
      <c r="L33" s="44"/>
      <c r="M33" s="44"/>
    </row>
    <row r="34" spans="2:13">
      <c r="B34" s="16"/>
      <c r="C34" s="76" t="s">
        <v>58</v>
      </c>
      <c r="D34" s="44"/>
      <c r="E34" s="44"/>
      <c r="F34" s="44"/>
      <c r="G34" s="44"/>
      <c r="H34" s="44"/>
      <c r="I34" s="44"/>
      <c r="J34" s="44"/>
      <c r="K34" s="44"/>
      <c r="L34" s="44"/>
      <c r="M34" s="44"/>
    </row>
    <row r="35" spans="2:13">
      <c r="B35" s="16"/>
      <c r="D35" s="44"/>
      <c r="E35" s="44"/>
      <c r="F35" s="44"/>
      <c r="G35" s="44"/>
      <c r="H35" s="44"/>
      <c r="I35" s="44"/>
      <c r="J35" s="44"/>
      <c r="K35" s="44"/>
      <c r="L35" s="44"/>
      <c r="M35" s="44"/>
    </row>
  </sheetData>
  <sheetProtection password="98D8" sheet="1" objects="1" scenarios="1" selectLockedCells="1"/>
  <mergeCells count="21">
    <mergeCell ref="D30:M30"/>
    <mergeCell ref="D31:M31"/>
    <mergeCell ref="D32:M32"/>
    <mergeCell ref="D24:M24"/>
    <mergeCell ref="D25:M25"/>
    <mergeCell ref="D26:M26"/>
    <mergeCell ref="D27:M27"/>
    <mergeCell ref="D28:M28"/>
    <mergeCell ref="D29:M29"/>
    <mergeCell ref="L3:O3"/>
    <mergeCell ref="L6:O6"/>
    <mergeCell ref="L7:O7"/>
    <mergeCell ref="D21:M21"/>
    <mergeCell ref="D22:M22"/>
    <mergeCell ref="D23:M23"/>
    <mergeCell ref="C6:E6"/>
    <mergeCell ref="C7:E7"/>
    <mergeCell ref="E9:M9"/>
    <mergeCell ref="E18:M18"/>
    <mergeCell ref="E19:M19"/>
    <mergeCell ref="E20:M20"/>
  </mergeCells>
  <pageMargins left="0.7" right="0.7" top="0.78740157499999996" bottom="0.78740157499999996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Application>Microsoft Excel</Application>
  <DocSecurity>0</DocSecurity>
  <ScaleCrop>false</ScaleCrop>
  <HeadingPairs>
    <vt:vector size="2" baseType="variant">
      <vt:variant>
        <vt:lpstr>Arbeitsblätter</vt:lpstr>
      </vt:variant>
      <vt:variant>
        <vt:i4>2</vt:i4>
      </vt:variant>
    </vt:vector>
  </HeadingPairs>
  <TitlesOfParts>
    <vt:vector size="2" baseType="lpstr">
      <vt:lpstr>Einzel-Erkrankungen</vt:lpstr>
      <vt:lpstr>Klassifikation</vt:lpstr>
    </vt:vector>
  </TitlesOfParts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Till Voigtländer</dc:creator>
  <cp:lastModifiedBy>till.voigtlaender</cp:lastModifiedBy>
  <dcterms:created xsi:type="dcterms:W3CDTF">2013-05-25T20:05:48Z</dcterms:created>
  <dcterms:modified xsi:type="dcterms:W3CDTF">2013-07-24T12:34:11Z</dcterms:modified>
</cp:coreProperties>
</file>